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4年度(R6)　市町村要覧\09_完成版\02_Excel（HP搭載用）\"/>
    </mc:Choice>
  </mc:AlternateContent>
  <bookViews>
    <workbookView xWindow="10935" yWindow="90" windowWidth="9495" windowHeight="7905"/>
  </bookViews>
  <sheets>
    <sheet name="15 県市町村議会党派別議員数及び任期満了_R6.5.17" sheetId="3" r:id="rId1"/>
  </sheets>
  <definedNames>
    <definedName name="_xlnm.Print_Area" localSheetId="0">'15 県市町村議会党派別議員数及び任期満了_R6.5.17'!$A$1:$AD$48</definedName>
  </definedNames>
  <calcPr calcId="162913"/>
</workbook>
</file>

<file path=xl/calcChain.xml><?xml version="1.0" encoding="utf-8"?>
<calcChain xmlns="http://schemas.openxmlformats.org/spreadsheetml/2006/main">
  <c r="G42" i="3" l="1"/>
  <c r="N25" i="3" l="1"/>
  <c r="E25" i="3"/>
  <c r="K8" i="3" l="1"/>
  <c r="K26" i="3" s="1"/>
  <c r="K43" i="3" s="1"/>
  <c r="K41" i="3"/>
  <c r="K25" i="3"/>
  <c r="K42" i="3" s="1"/>
  <c r="J41" i="3"/>
  <c r="J25" i="3"/>
  <c r="J42" i="3" s="1"/>
  <c r="J8" i="3"/>
  <c r="J26" i="3" s="1"/>
  <c r="E41" i="3"/>
  <c r="B41" i="3"/>
  <c r="J43" i="3" l="1"/>
  <c r="D16" i="3"/>
  <c r="D44" i="3" l="1"/>
  <c r="D7" i="3"/>
  <c r="D13" i="3"/>
  <c r="D11" i="3"/>
  <c r="D18" i="3"/>
  <c r="B8" i="3"/>
  <c r="D33" i="3"/>
  <c r="D21" i="3"/>
  <c r="D17" i="3"/>
  <c r="N41" i="3" l="1"/>
  <c r="M41" i="3"/>
  <c r="L41" i="3"/>
  <c r="I41" i="3"/>
  <c r="H41" i="3"/>
  <c r="G41" i="3"/>
  <c r="F41" i="3"/>
  <c r="D40" i="3"/>
  <c r="D39" i="3"/>
  <c r="D38" i="3"/>
  <c r="D37" i="3"/>
  <c r="D36" i="3"/>
  <c r="D35" i="3"/>
  <c r="D34" i="3"/>
  <c r="D32" i="3"/>
  <c r="D31" i="3"/>
  <c r="D30" i="3"/>
  <c r="D29" i="3"/>
  <c r="D28" i="3"/>
  <c r="D27" i="3"/>
  <c r="M25" i="3"/>
  <c r="L25" i="3"/>
  <c r="L26" i="3" s="1"/>
  <c r="I25" i="3"/>
  <c r="H25" i="3"/>
  <c r="G25" i="3"/>
  <c r="F25" i="3"/>
  <c r="B25" i="3"/>
  <c r="B26" i="3" s="1"/>
  <c r="D24" i="3"/>
  <c r="D23" i="3"/>
  <c r="D22" i="3"/>
  <c r="D20" i="3"/>
  <c r="D19" i="3"/>
  <c r="D15" i="3"/>
  <c r="D14" i="3"/>
  <c r="D12" i="3"/>
  <c r="D10" i="3"/>
  <c r="D9" i="3"/>
  <c r="N8" i="3"/>
  <c r="M8" i="3"/>
  <c r="I8" i="3"/>
  <c r="H8" i="3"/>
  <c r="G8" i="3"/>
  <c r="F8" i="3"/>
  <c r="E8" i="3"/>
  <c r="D6" i="3"/>
  <c r="D5" i="3"/>
  <c r="E42" i="3" l="1"/>
  <c r="I26" i="3"/>
  <c r="M42" i="3"/>
  <c r="D25" i="3"/>
  <c r="E26" i="3"/>
  <c r="E43" i="3" s="1"/>
  <c r="B43" i="3"/>
  <c r="F26" i="3"/>
  <c r="F43" i="3" s="1"/>
  <c r="D8" i="3"/>
  <c r="L43" i="3"/>
  <c r="N26" i="3"/>
  <c r="N43" i="3" s="1"/>
  <c r="F42" i="3"/>
  <c r="N42" i="3"/>
  <c r="I42" i="3"/>
  <c r="H42" i="3"/>
  <c r="G26" i="3"/>
  <c r="G43" i="3" s="1"/>
  <c r="M26" i="3"/>
  <c r="M43" i="3" s="1"/>
  <c r="H26" i="3"/>
  <c r="H43" i="3" s="1"/>
  <c r="I43" i="3"/>
  <c r="B42" i="3"/>
  <c r="D41" i="3"/>
  <c r="L42" i="3"/>
  <c r="D26" i="3" l="1"/>
  <c r="D42" i="3"/>
  <c r="D43" i="3"/>
</calcChain>
</file>

<file path=xl/sharedStrings.xml><?xml version="1.0" encoding="utf-8"?>
<sst xmlns="http://schemas.openxmlformats.org/spreadsheetml/2006/main" count="82" uniqueCount="67">
  <si>
    <t>市町村名</t>
  </si>
  <si>
    <t>横浜市</t>
  </si>
  <si>
    <t>川崎市</t>
  </si>
  <si>
    <t>横須賀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市　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清川村</t>
  </si>
  <si>
    <t>町村計</t>
  </si>
  <si>
    <t>指定都市計</t>
    <rPh sb="0" eb="2">
      <t>シテイ</t>
    </rPh>
    <rPh sb="2" eb="4">
      <t>トシ</t>
    </rPh>
    <rPh sb="4" eb="5">
      <t>ケイ</t>
    </rPh>
    <phoneticPr fontId="2"/>
  </si>
  <si>
    <t>市（除指定都市）計</t>
    <rPh sb="2" eb="3">
      <t>ジョ</t>
    </rPh>
    <rPh sb="3" eb="5">
      <t>シテイ</t>
    </rPh>
    <rPh sb="5" eb="7">
      <t>トシ</t>
    </rPh>
    <phoneticPr fontId="2"/>
  </si>
  <si>
    <t>県（除指定都市）計</t>
    <rPh sb="2" eb="3">
      <t>ジョ</t>
    </rPh>
    <rPh sb="3" eb="5">
      <t>シテイ</t>
    </rPh>
    <rPh sb="5" eb="7">
      <t>トシ</t>
    </rPh>
    <phoneticPr fontId="2"/>
  </si>
  <si>
    <t>県議会</t>
    <rPh sb="0" eb="3">
      <t>ケンギカイ</t>
    </rPh>
    <phoneticPr fontId="2"/>
  </si>
  <si>
    <t>定　数　条　例</t>
    <rPh sb="0" eb="1">
      <t>サダム</t>
    </rPh>
    <rPh sb="2" eb="3">
      <t>カズ</t>
    </rPh>
    <rPh sb="4" eb="5">
      <t>ジョウ</t>
    </rPh>
    <rPh sb="6" eb="7">
      <t>レイ</t>
    </rPh>
    <phoneticPr fontId="2"/>
  </si>
  <si>
    <t>定数</t>
    <rPh sb="0" eb="2">
      <t>テイスウ</t>
    </rPh>
    <phoneticPr fontId="2"/>
  </si>
  <si>
    <t>制定年月日</t>
    <rPh sb="0" eb="2">
      <t>セイテイ</t>
    </rPh>
    <rPh sb="2" eb="5">
      <t>ネンガッピ</t>
    </rPh>
    <phoneticPr fontId="2"/>
  </si>
  <si>
    <t>現員数</t>
    <rPh sb="0" eb="2">
      <t>ゲンイン</t>
    </rPh>
    <rPh sb="2" eb="3">
      <t>スウ</t>
    </rPh>
    <phoneticPr fontId="2"/>
  </si>
  <si>
    <t>自民党</t>
    <rPh sb="0" eb="3">
      <t>ジミントウ</t>
    </rPh>
    <phoneticPr fontId="2"/>
  </si>
  <si>
    <t>公明党</t>
    <rPh sb="0" eb="3">
      <t>コウメイトウ</t>
    </rPh>
    <phoneticPr fontId="2"/>
  </si>
  <si>
    <t>共産党</t>
    <rPh sb="0" eb="3">
      <t>キョウサントウ</t>
    </rPh>
    <phoneticPr fontId="2"/>
  </si>
  <si>
    <t>無所属</t>
    <rPh sb="0" eb="3">
      <t>ムショゾク</t>
    </rPh>
    <phoneticPr fontId="2"/>
  </si>
  <si>
    <t>欠　員</t>
    <rPh sb="0" eb="1">
      <t>ケツ</t>
    </rPh>
    <rPh sb="2" eb="3">
      <t>イン</t>
    </rPh>
    <phoneticPr fontId="2"/>
  </si>
  <si>
    <t>諸　派</t>
    <rPh sb="0" eb="1">
      <t>モロ</t>
    </rPh>
    <rPh sb="2" eb="3">
      <t>ハ</t>
    </rPh>
    <phoneticPr fontId="2"/>
  </si>
  <si>
    <t>任期満了</t>
    <rPh sb="0" eb="2">
      <t>ニンキ</t>
    </rPh>
    <rPh sb="2" eb="4">
      <t>マンリョウ</t>
    </rPh>
    <phoneticPr fontId="2"/>
  </si>
  <si>
    <t>　※制定年月日は、制定後の改正がある場合は、直近の改正年月日を掲載している。</t>
    <rPh sb="2" eb="4">
      <t>セイテイ</t>
    </rPh>
    <rPh sb="4" eb="7">
      <t>ネンガッピ</t>
    </rPh>
    <rPh sb="9" eb="11">
      <t>セイテイ</t>
    </rPh>
    <rPh sb="11" eb="12">
      <t>ゴ</t>
    </rPh>
    <rPh sb="13" eb="15">
      <t>カイセイ</t>
    </rPh>
    <rPh sb="18" eb="20">
      <t>バアイ</t>
    </rPh>
    <rPh sb="22" eb="23">
      <t>ジキ</t>
    </rPh>
    <rPh sb="23" eb="24">
      <t>コン</t>
    </rPh>
    <rPh sb="25" eb="27">
      <t>カイセイ</t>
    </rPh>
    <rPh sb="27" eb="30">
      <t>ネンガッピ</t>
    </rPh>
    <rPh sb="31" eb="33">
      <t>ケイサイ</t>
    </rPh>
    <phoneticPr fontId="2"/>
  </si>
  <si>
    <t>平塚市</t>
    <rPh sb="0" eb="2">
      <t>ヒラツカ</t>
    </rPh>
    <phoneticPr fontId="2"/>
  </si>
  <si>
    <t>15 県市町村議会党派別議員数及び任期満了</t>
    <rPh sb="3" eb="4">
      <t>ケン</t>
    </rPh>
    <rPh sb="4" eb="7">
      <t>シチョウソン</t>
    </rPh>
    <rPh sb="7" eb="9">
      <t>ギカイ</t>
    </rPh>
    <rPh sb="9" eb="11">
      <t>トウハ</t>
    </rPh>
    <rPh sb="11" eb="12">
      <t>ベツ</t>
    </rPh>
    <rPh sb="12" eb="15">
      <t>ギインスウ</t>
    </rPh>
    <rPh sb="15" eb="16">
      <t>オヨ</t>
    </rPh>
    <rPh sb="17" eb="19">
      <t>ニンキ</t>
    </rPh>
    <rPh sb="19" eb="21">
      <t>マンリョウ</t>
    </rPh>
    <phoneticPr fontId="2"/>
  </si>
  <si>
    <t xml:space="preserve"> </t>
    <phoneticPr fontId="2"/>
  </si>
  <si>
    <t>県計</t>
    <phoneticPr fontId="2"/>
  </si>
  <si>
    <t>愛川町</t>
    <phoneticPr fontId="2"/>
  </si>
  <si>
    <t>　</t>
    <phoneticPr fontId="2"/>
  </si>
  <si>
    <t>維　新</t>
    <rPh sb="0" eb="1">
      <t>ユイ</t>
    </rPh>
    <rPh sb="2" eb="3">
      <t>シン</t>
    </rPh>
    <phoneticPr fontId="2"/>
  </si>
  <si>
    <t xml:space="preserve"> </t>
  </si>
  <si>
    <t>16 県議会議員の選挙区及び各選挙区の定数</t>
    <phoneticPr fontId="2"/>
  </si>
  <si>
    <t xml:space="preserve">17 衆議院議員の選挙区 </t>
    <phoneticPr fontId="2"/>
  </si>
  <si>
    <t>参政党</t>
    <rPh sb="0" eb="1">
      <t>サン</t>
    </rPh>
    <rPh sb="1" eb="3">
      <t>セイトウ</t>
    </rPh>
    <phoneticPr fontId="2"/>
  </si>
  <si>
    <t>※次の衆議院議員総選挙から適用される選挙区を掲載している。</t>
    <rPh sb="1" eb="2">
      <t>ツギ</t>
    </rPh>
    <rPh sb="3" eb="6">
      <t>シュウギイン</t>
    </rPh>
    <rPh sb="6" eb="8">
      <t>ギイン</t>
    </rPh>
    <rPh sb="8" eb="11">
      <t>ソウセンキョ</t>
    </rPh>
    <rPh sb="13" eb="15">
      <t>テキヨウ</t>
    </rPh>
    <rPh sb="18" eb="21">
      <t>センキョク</t>
    </rPh>
    <rPh sb="22" eb="24">
      <t>ケイサイ</t>
    </rPh>
    <phoneticPr fontId="2"/>
  </si>
  <si>
    <t>　※（　）書きの定数は、次期一般選挙から適用される定数である。</t>
    <rPh sb="5" eb="6">
      <t>ガ</t>
    </rPh>
    <rPh sb="8" eb="10">
      <t>テイスウ</t>
    </rPh>
    <rPh sb="12" eb="14">
      <t>ジキ</t>
    </rPh>
    <rPh sb="14" eb="16">
      <t>イッパン</t>
    </rPh>
    <rPh sb="16" eb="18">
      <t>センキョ</t>
    </rPh>
    <rPh sb="20" eb="22">
      <t>テキヨウ</t>
    </rPh>
    <rPh sb="25" eb="27">
      <t>テイスウ</t>
    </rPh>
    <phoneticPr fontId="2"/>
  </si>
  <si>
    <t>立憲民主</t>
    <rPh sb="0" eb="2">
      <t>リッケン</t>
    </rPh>
    <rPh sb="2" eb="4">
      <t>ミンシュ</t>
    </rPh>
    <phoneticPr fontId="2"/>
  </si>
  <si>
    <t>国民民主</t>
    <rPh sb="0" eb="2">
      <t>コクミン</t>
    </rPh>
    <rPh sb="2" eb="4">
      <t>ミンシュ</t>
    </rPh>
    <phoneticPr fontId="2"/>
  </si>
  <si>
    <t>　※党派別は立候補届出時の候補者届出書に記載された区分による。</t>
    <rPh sb="2" eb="5">
      <t>トウハベツ</t>
    </rPh>
    <rPh sb="6" eb="9">
      <t>リッコウホ</t>
    </rPh>
    <rPh sb="9" eb="11">
      <t>トドケデ</t>
    </rPh>
    <rPh sb="11" eb="12">
      <t>ジ</t>
    </rPh>
    <rPh sb="13" eb="16">
      <t>コウホシャ</t>
    </rPh>
    <rPh sb="16" eb="17">
      <t>トドケ</t>
    </rPh>
    <rPh sb="17" eb="18">
      <t>デ</t>
    </rPh>
    <rPh sb="18" eb="19">
      <t>ショ</t>
    </rPh>
    <rPh sb="20" eb="22">
      <t>キサイ</t>
    </rPh>
    <rPh sb="25" eb="27">
      <t>クブン</t>
    </rPh>
    <phoneticPr fontId="2"/>
  </si>
  <si>
    <t>令和６年７月19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[$-411]ge\.m\.d;@"/>
    <numFmt numFmtId="177" formatCode="[$-411]e&quot;．&quot;m&quot;．&quot;d"/>
    <numFmt numFmtId="178" formatCode="#\(\1\3\)"/>
    <numFmt numFmtId="179" formatCode="#\(\1\2\)"/>
  </numFmts>
  <fonts count="2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b/>
      <sz val="18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10"/>
      <color theme="1"/>
      <name val="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b/>
      <sz val="24"/>
      <color theme="1"/>
      <name val="ＭＳ ゴシック"/>
      <family val="3"/>
      <charset val="128"/>
    </font>
    <font>
      <sz val="14"/>
      <color theme="1"/>
      <name val="ＭＳ Ｐ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sz val="15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明朝"/>
      <family val="1"/>
      <charset val="128"/>
    </font>
    <font>
      <sz val="16"/>
      <name val="ＭＳ Ｐゴシック"/>
      <family val="3"/>
      <charset val="128"/>
    </font>
    <font>
      <sz val="16"/>
      <name val="ＭＳ 明朝"/>
      <family val="1"/>
      <charset val="128"/>
    </font>
    <font>
      <sz val="16"/>
      <name val="ＭＳ Ｐゴシック"/>
      <family val="3"/>
      <charset val="128"/>
      <scheme val="major"/>
    </font>
    <font>
      <strike/>
      <sz val="16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Ｐ明朝"/>
      <family val="1"/>
      <charset val="128"/>
    </font>
    <font>
      <sz val="15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3" fillId="0" borderId="0"/>
  </cellStyleXfs>
  <cellXfs count="78">
    <xf numFmtId="0" fontId="0" fillId="0" borderId="0" xfId="0"/>
    <xf numFmtId="38" fontId="4" fillId="0" borderId="0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57" fontId="5" fillId="0" borderId="0" xfId="1" applyNumberFormat="1" applyFont="1" applyFill="1" applyBorder="1" applyAlignment="1">
      <alignment horizontal="center" vertical="center"/>
    </xf>
    <xf numFmtId="49" fontId="5" fillId="0" borderId="0" xfId="1" applyNumberFormat="1" applyFont="1" applyFill="1" applyBorder="1" applyAlignment="1">
      <alignment horizontal="center" vertical="center"/>
    </xf>
    <xf numFmtId="0" fontId="4" fillId="0" borderId="0" xfId="0" applyFont="1" applyFill="1"/>
    <xf numFmtId="0" fontId="6" fillId="0" borderId="0" xfId="2" applyFont="1" applyFill="1"/>
    <xf numFmtId="38" fontId="7" fillId="0" borderId="0" xfId="1" applyFont="1" applyFill="1" applyBorder="1" applyAlignment="1">
      <alignment vertical="center"/>
    </xf>
    <xf numFmtId="57" fontId="7" fillId="0" borderId="0" xfId="1" applyNumberFormat="1" applyFont="1" applyFill="1" applyBorder="1" applyAlignment="1">
      <alignment horizontal="center" vertical="center"/>
    </xf>
    <xf numFmtId="49" fontId="8" fillId="0" borderId="0" xfId="1" applyNumberFormat="1" applyFont="1" applyFill="1" applyBorder="1" applyAlignment="1">
      <alignment horizontal="right" vertical="center"/>
    </xf>
    <xf numFmtId="0" fontId="9" fillId="0" borderId="0" xfId="0" applyFont="1" applyFill="1"/>
    <xf numFmtId="49" fontId="10" fillId="0" borderId="0" xfId="1" applyNumberFormat="1" applyFont="1" applyFill="1" applyBorder="1" applyAlignment="1">
      <alignment horizontal="center" vertical="center"/>
    </xf>
    <xf numFmtId="49" fontId="7" fillId="0" borderId="0" xfId="1" applyNumberFormat="1" applyFont="1" applyFill="1" applyBorder="1" applyAlignment="1">
      <alignment horizontal="center" vertical="center"/>
    </xf>
    <xf numFmtId="49" fontId="11" fillId="0" borderId="0" xfId="1" applyNumberFormat="1" applyFont="1" applyFill="1" applyBorder="1" applyAlignment="1">
      <alignment horizontal="center" vertical="center"/>
    </xf>
    <xf numFmtId="0" fontId="12" fillId="0" borderId="0" xfId="0" applyFont="1" applyFill="1" applyAlignment="1">
      <alignment horizontal="left" readingOrder="1"/>
    </xf>
    <xf numFmtId="38" fontId="10" fillId="0" borderId="0" xfId="1" applyFont="1" applyFill="1" applyBorder="1" applyAlignment="1">
      <alignment vertical="center"/>
    </xf>
    <xf numFmtId="57" fontId="10" fillId="0" borderId="0" xfId="1" applyNumberFormat="1" applyFont="1" applyFill="1" applyBorder="1" applyAlignment="1">
      <alignment horizontal="center" vertical="center"/>
    </xf>
    <xf numFmtId="38" fontId="5" fillId="0" borderId="0" xfId="1" applyFont="1" applyFill="1" applyBorder="1" applyAlignment="1">
      <alignment horizontal="distributed" vertical="center"/>
    </xf>
    <xf numFmtId="49" fontId="8" fillId="0" borderId="0" xfId="1" applyNumberFormat="1" applyFont="1" applyFill="1" applyBorder="1" applyAlignment="1">
      <alignment vertical="center"/>
    </xf>
    <xf numFmtId="49" fontId="4" fillId="0" borderId="0" xfId="1" applyNumberFormat="1" applyFont="1" applyFill="1" applyBorder="1" applyAlignment="1">
      <alignment horizontal="left" vertical="center"/>
    </xf>
    <xf numFmtId="38" fontId="14" fillId="0" borderId="0" xfId="1" applyFont="1" applyFill="1" applyBorder="1" applyAlignment="1">
      <alignment vertical="center"/>
    </xf>
    <xf numFmtId="49" fontId="5" fillId="0" borderId="0" xfId="1" applyNumberFormat="1" applyFont="1" applyFill="1" applyBorder="1" applyAlignment="1">
      <alignment vertical="center"/>
    </xf>
    <xf numFmtId="38" fontId="15" fillId="0" borderId="0" xfId="1" applyFont="1" applyFill="1" applyBorder="1" applyAlignment="1">
      <alignment vertical="center"/>
    </xf>
    <xf numFmtId="57" fontId="15" fillId="0" borderId="0" xfId="1" applyNumberFormat="1" applyFont="1" applyFill="1" applyBorder="1" applyAlignment="1">
      <alignment horizontal="center" vertical="center"/>
    </xf>
    <xf numFmtId="38" fontId="17" fillId="0" borderId="1" xfId="1" applyFont="1" applyFill="1" applyBorder="1" applyAlignment="1">
      <alignment horizontal="center" vertical="center"/>
    </xf>
    <xf numFmtId="57" fontId="17" fillId="0" borderId="1" xfId="1" applyNumberFormat="1" applyFont="1" applyFill="1" applyBorder="1" applyAlignment="1">
      <alignment horizontal="center" vertical="center"/>
    </xf>
    <xf numFmtId="38" fontId="17" fillId="0" borderId="2" xfId="1" applyFont="1" applyFill="1" applyBorder="1" applyAlignment="1">
      <alignment horizontal="distributed" vertical="center"/>
    </xf>
    <xf numFmtId="38" fontId="18" fillId="0" borderId="3" xfId="1" applyFont="1" applyFill="1" applyBorder="1" applyAlignment="1">
      <alignment horizontal="right" vertical="center"/>
    </xf>
    <xf numFmtId="176" fontId="18" fillId="0" borderId="3" xfId="1" applyNumberFormat="1" applyFont="1" applyFill="1" applyBorder="1" applyAlignment="1">
      <alignment horizontal="center" vertical="center"/>
    </xf>
    <xf numFmtId="38" fontId="18" fillId="0" borderId="3" xfId="1" applyFont="1" applyFill="1" applyBorder="1" applyAlignment="1">
      <alignment vertical="center"/>
    </xf>
    <xf numFmtId="177" fontId="19" fillId="0" borderId="4" xfId="0" applyNumberFormat="1" applyFont="1" applyFill="1" applyBorder="1" applyAlignment="1" applyProtection="1">
      <alignment horizontal="distributed" vertical="center"/>
    </xf>
    <xf numFmtId="38" fontId="17" fillId="0" borderId="5" xfId="1" applyFont="1" applyFill="1" applyBorder="1" applyAlignment="1">
      <alignment horizontal="distributed" vertical="center"/>
    </xf>
    <xf numFmtId="38" fontId="18" fillId="0" borderId="6" xfId="1" applyFont="1" applyFill="1" applyBorder="1" applyAlignment="1">
      <alignment vertical="center"/>
    </xf>
    <xf numFmtId="176" fontId="18" fillId="0" borderId="6" xfId="1" applyNumberFormat="1" applyFont="1" applyFill="1" applyBorder="1" applyAlignment="1">
      <alignment horizontal="center" vertical="center"/>
    </xf>
    <xf numFmtId="38" fontId="18" fillId="0" borderId="9" xfId="1" applyFont="1" applyFill="1" applyBorder="1" applyAlignment="1">
      <alignment vertical="center"/>
    </xf>
    <xf numFmtId="177" fontId="19" fillId="0" borderId="7" xfId="0" applyNumberFormat="1" applyFont="1" applyFill="1" applyBorder="1" applyAlignment="1" applyProtection="1">
      <alignment horizontal="distributed" vertical="center"/>
    </xf>
    <xf numFmtId="38" fontId="17" fillId="0" borderId="8" xfId="1" applyFont="1" applyFill="1" applyBorder="1" applyAlignment="1">
      <alignment horizontal="distributed" vertical="center"/>
    </xf>
    <xf numFmtId="176" fontId="18" fillId="0" borderId="9" xfId="1" applyNumberFormat="1" applyFont="1" applyFill="1" applyBorder="1" applyAlignment="1">
      <alignment horizontal="center" vertical="center"/>
    </xf>
    <xf numFmtId="177" fontId="19" fillId="0" borderId="7" xfId="0" applyNumberFormat="1" applyFont="1" applyFill="1" applyBorder="1" applyAlignment="1" applyProtection="1">
      <alignment horizontal="distributed" vertical="center" wrapText="1"/>
    </xf>
    <xf numFmtId="38" fontId="17" fillId="0" borderId="10" xfId="1" applyFont="1" applyFill="1" applyBorder="1" applyAlignment="1">
      <alignment horizontal="distributed" vertical="center"/>
    </xf>
    <xf numFmtId="38" fontId="18" fillId="0" borderId="11" xfId="1" applyFont="1" applyFill="1" applyBorder="1" applyAlignment="1">
      <alignment vertical="center"/>
    </xf>
    <xf numFmtId="176" fontId="18" fillId="0" borderId="11" xfId="1" applyNumberFormat="1" applyFont="1" applyFill="1" applyBorder="1" applyAlignment="1">
      <alignment horizontal="center" vertical="center"/>
    </xf>
    <xf numFmtId="49" fontId="18" fillId="0" borderId="12" xfId="1" applyNumberFormat="1" applyFont="1" applyFill="1" applyBorder="1" applyAlignment="1">
      <alignment horizontal="distributed" vertical="center"/>
    </xf>
    <xf numFmtId="38" fontId="18" fillId="0" borderId="13" xfId="1" applyFont="1" applyFill="1" applyBorder="1" applyAlignment="1">
      <alignment vertical="center"/>
    </xf>
    <xf numFmtId="38" fontId="20" fillId="0" borderId="9" xfId="1" applyFont="1" applyFill="1" applyBorder="1" applyAlignment="1">
      <alignment vertical="center"/>
    </xf>
    <xf numFmtId="38" fontId="18" fillId="0" borderId="9" xfId="1" applyFont="1" applyFill="1" applyBorder="1" applyAlignment="1">
      <alignment horizontal="right" vertical="center"/>
    </xf>
    <xf numFmtId="38" fontId="18" fillId="0" borderId="14" xfId="1" applyFont="1" applyFill="1" applyBorder="1" applyAlignment="1">
      <alignment vertical="center"/>
    </xf>
    <xf numFmtId="38" fontId="18" fillId="0" borderId="17" xfId="1" applyFont="1" applyFill="1" applyBorder="1" applyAlignment="1">
      <alignment vertical="center"/>
    </xf>
    <xf numFmtId="177" fontId="19" fillId="0" borderId="29" xfId="0" applyNumberFormat="1" applyFont="1" applyFill="1" applyBorder="1" applyAlignment="1" applyProtection="1">
      <alignment horizontal="distributed" vertical="center"/>
    </xf>
    <xf numFmtId="57" fontId="18" fillId="0" borderId="11" xfId="1" applyNumberFormat="1" applyFont="1" applyFill="1" applyBorder="1" applyAlignment="1">
      <alignment horizontal="center" vertical="center"/>
    </xf>
    <xf numFmtId="38" fontId="17" fillId="0" borderId="18" xfId="1" applyFont="1" applyFill="1" applyBorder="1" applyAlignment="1">
      <alignment horizontal="distributed" vertical="center"/>
    </xf>
    <xf numFmtId="38" fontId="18" fillId="0" borderId="19" xfId="1" applyFont="1" applyFill="1" applyBorder="1" applyAlignment="1">
      <alignment vertical="center"/>
    </xf>
    <xf numFmtId="57" fontId="18" fillId="0" borderId="19" xfId="1" applyNumberFormat="1" applyFont="1" applyFill="1" applyBorder="1" applyAlignment="1">
      <alignment horizontal="center" vertical="center"/>
    </xf>
    <xf numFmtId="38" fontId="18" fillId="0" borderId="20" xfId="1" applyFont="1" applyFill="1" applyBorder="1" applyAlignment="1">
      <alignment vertical="center"/>
    </xf>
    <xf numFmtId="38" fontId="18" fillId="0" borderId="30" xfId="1" applyFont="1" applyFill="1" applyBorder="1" applyAlignment="1">
      <alignment vertical="center"/>
    </xf>
    <xf numFmtId="177" fontId="17" fillId="0" borderId="12" xfId="0" applyNumberFormat="1" applyFont="1" applyFill="1" applyBorder="1" applyAlignment="1" applyProtection="1">
      <alignment horizontal="distributed" vertical="center"/>
    </xf>
    <xf numFmtId="38" fontId="21" fillId="0" borderId="0" xfId="1" applyFont="1" applyFill="1" applyBorder="1" applyAlignment="1">
      <alignment vertical="center"/>
    </xf>
    <xf numFmtId="38" fontId="22" fillId="0" borderId="0" xfId="1" applyFont="1" applyFill="1" applyBorder="1" applyAlignment="1">
      <alignment vertical="center"/>
    </xf>
    <xf numFmtId="57" fontId="22" fillId="0" borderId="0" xfId="1" applyNumberFormat="1" applyFont="1" applyFill="1" applyBorder="1" applyAlignment="1">
      <alignment horizontal="center" vertical="center"/>
    </xf>
    <xf numFmtId="49" fontId="22" fillId="0" borderId="0" xfId="1" applyNumberFormat="1" applyFont="1" applyFill="1" applyBorder="1" applyAlignment="1">
      <alignment horizontal="center" vertical="center"/>
    </xf>
    <xf numFmtId="38" fontId="23" fillId="0" borderId="0" xfId="1" applyFont="1" applyFill="1" applyBorder="1" applyAlignment="1">
      <alignment vertical="center"/>
    </xf>
    <xf numFmtId="38" fontId="18" fillId="0" borderId="1" xfId="1" applyFont="1" applyFill="1" applyBorder="1" applyAlignment="1">
      <alignment vertical="center"/>
    </xf>
    <xf numFmtId="178" fontId="18" fillId="0" borderId="9" xfId="1" applyNumberFormat="1" applyFont="1" applyFill="1" applyBorder="1" applyAlignment="1">
      <alignment vertical="center"/>
    </xf>
    <xf numFmtId="179" fontId="18" fillId="0" borderId="9" xfId="1" applyNumberFormat="1" applyFont="1" applyFill="1" applyBorder="1" applyAlignment="1">
      <alignment vertical="center"/>
    </xf>
    <xf numFmtId="38" fontId="18" fillId="0" borderId="15" xfId="1" applyFont="1" applyFill="1" applyBorder="1" applyAlignment="1">
      <alignment vertical="center"/>
    </xf>
    <xf numFmtId="38" fontId="18" fillId="0" borderId="16" xfId="1" applyFont="1" applyFill="1" applyBorder="1" applyAlignment="1">
      <alignment vertical="center"/>
    </xf>
    <xf numFmtId="49" fontId="16" fillId="0" borderId="28" xfId="1" applyNumberFormat="1" applyFont="1" applyFill="1" applyBorder="1" applyAlignment="1">
      <alignment horizontal="center" vertical="center"/>
    </xf>
    <xf numFmtId="0" fontId="13" fillId="0" borderId="0" xfId="0" applyFont="1" applyFill="1" applyAlignment="1">
      <alignment horizontal="right"/>
    </xf>
    <xf numFmtId="38" fontId="17" fillId="0" borderId="21" xfId="1" applyFont="1" applyFill="1" applyBorder="1" applyAlignment="1">
      <alignment horizontal="center" vertical="center" textRotation="255"/>
    </xf>
    <xf numFmtId="38" fontId="17" fillId="0" borderId="19" xfId="1" applyFont="1" applyFill="1" applyBorder="1" applyAlignment="1">
      <alignment horizontal="center" vertical="center" textRotation="255"/>
    </xf>
    <xf numFmtId="49" fontId="17" fillId="0" borderId="26" xfId="1" applyNumberFormat="1" applyFont="1" applyFill="1" applyBorder="1" applyAlignment="1">
      <alignment horizontal="center" vertical="center"/>
    </xf>
    <xf numFmtId="49" fontId="17" fillId="0" borderId="27" xfId="1" applyNumberFormat="1" applyFont="1" applyFill="1" applyBorder="1" applyAlignment="1">
      <alignment horizontal="center" vertical="center"/>
    </xf>
    <xf numFmtId="38" fontId="17" fillId="0" borderId="22" xfId="1" applyFont="1" applyFill="1" applyBorder="1" applyAlignment="1">
      <alignment horizontal="distributed" vertical="center"/>
    </xf>
    <xf numFmtId="38" fontId="17" fillId="0" borderId="23" xfId="1" applyFont="1" applyFill="1" applyBorder="1" applyAlignment="1">
      <alignment horizontal="distributed" vertical="center"/>
    </xf>
    <xf numFmtId="38" fontId="17" fillId="0" borderId="24" xfId="1" applyFont="1" applyFill="1" applyBorder="1" applyAlignment="1">
      <alignment horizontal="center" vertical="center"/>
    </xf>
    <xf numFmtId="38" fontId="17" fillId="0" borderId="25" xfId="1" applyFont="1" applyFill="1" applyBorder="1" applyAlignment="1">
      <alignment horizontal="center" vertical="center"/>
    </xf>
    <xf numFmtId="38" fontId="17" fillId="0" borderId="21" xfId="1" applyFont="1" applyFill="1" applyBorder="1" applyAlignment="1">
      <alignment horizontal="center" vertical="center" textRotation="255" shrinkToFit="1"/>
    </xf>
    <xf numFmtId="38" fontId="17" fillId="0" borderId="19" xfId="1" applyFont="1" applyFill="1" applyBorder="1" applyAlignment="1">
      <alignment horizontal="center" vertical="center" textRotation="255" shrinkToFit="1"/>
    </xf>
  </cellXfs>
  <cellStyles count="3">
    <cellStyle name="桁区切り" xfId="1" builtinId="6"/>
    <cellStyle name="標準" xfId="0" builtinId="0"/>
    <cellStyle name="標準_Win95地図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76690</xdr:colOff>
      <xdr:row>4</xdr:row>
      <xdr:rowOff>118273</xdr:rowOff>
    </xdr:from>
    <xdr:to>
      <xdr:col>28</xdr:col>
      <xdr:colOff>170338</xdr:colOff>
      <xdr:row>7</xdr:row>
      <xdr:rowOff>141692</xdr:rowOff>
    </xdr:to>
    <xdr:sp macro="" textlink="">
      <xdr:nvSpPr>
        <xdr:cNvPr id="2" name="d14101"/>
        <xdr:cNvSpPr>
          <a:spLocks/>
        </xdr:cNvSpPr>
      </xdr:nvSpPr>
      <xdr:spPr bwMode="auto">
        <a:xfrm>
          <a:off x="19463240" y="2156623"/>
          <a:ext cx="722298" cy="95686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w 16384"/>
            <a:gd name="T169" fmla="*/ 0 h 16384"/>
            <a:gd name="T170" fmla="*/ 16384 w 16384"/>
            <a:gd name="T171" fmla="*/ 16384 h 16384"/>
          </a:gdLst>
          <a:ahLst/>
          <a:cxnLst>
            <a:cxn ang="T112">
              <a:pos x="T0" y="T1"/>
            </a:cxn>
            <a:cxn ang="T113">
              <a:pos x="T2" y="T3"/>
            </a:cxn>
            <a:cxn ang="T114">
              <a:pos x="T4" y="T5"/>
            </a:cxn>
            <a:cxn ang="T115">
              <a:pos x="T6" y="T7"/>
            </a:cxn>
            <a:cxn ang="T116">
              <a:pos x="T8" y="T9"/>
            </a:cxn>
            <a:cxn ang="T117">
              <a:pos x="T10" y="T11"/>
            </a:cxn>
            <a:cxn ang="T118">
              <a:pos x="T12" y="T13"/>
            </a:cxn>
            <a:cxn ang="T119">
              <a:pos x="T14" y="T15"/>
            </a:cxn>
            <a:cxn ang="T120">
              <a:pos x="T16" y="T17"/>
            </a:cxn>
            <a:cxn ang="T121">
              <a:pos x="T18" y="T19"/>
            </a:cxn>
            <a:cxn ang="T122">
              <a:pos x="T20" y="T21"/>
            </a:cxn>
            <a:cxn ang="T123">
              <a:pos x="T22" y="T23"/>
            </a:cxn>
            <a:cxn ang="T124">
              <a:pos x="T24" y="T25"/>
            </a:cxn>
            <a:cxn ang="T125">
              <a:pos x="T26" y="T27"/>
            </a:cxn>
            <a:cxn ang="T126">
              <a:pos x="T28" y="T29"/>
            </a:cxn>
            <a:cxn ang="T127">
              <a:pos x="T30" y="T31"/>
            </a:cxn>
            <a:cxn ang="T128">
              <a:pos x="T32" y="T33"/>
            </a:cxn>
            <a:cxn ang="T129">
              <a:pos x="T34" y="T35"/>
            </a:cxn>
            <a:cxn ang="T130">
              <a:pos x="T36" y="T37"/>
            </a:cxn>
            <a:cxn ang="T131">
              <a:pos x="T38" y="T39"/>
            </a:cxn>
            <a:cxn ang="T132">
              <a:pos x="T40" y="T41"/>
            </a:cxn>
            <a:cxn ang="T133">
              <a:pos x="T42" y="T43"/>
            </a:cxn>
            <a:cxn ang="T134">
              <a:pos x="T44" y="T45"/>
            </a:cxn>
            <a:cxn ang="T135">
              <a:pos x="T46" y="T47"/>
            </a:cxn>
            <a:cxn ang="T136">
              <a:pos x="T48" y="T49"/>
            </a:cxn>
            <a:cxn ang="T137">
              <a:pos x="T50" y="T51"/>
            </a:cxn>
            <a:cxn ang="T138">
              <a:pos x="T52" y="T53"/>
            </a:cxn>
            <a:cxn ang="T139">
              <a:pos x="T54" y="T55"/>
            </a:cxn>
            <a:cxn ang="T140">
              <a:pos x="T56" y="T57"/>
            </a:cxn>
            <a:cxn ang="T141">
              <a:pos x="T58" y="T59"/>
            </a:cxn>
            <a:cxn ang="T142">
              <a:pos x="T60" y="T61"/>
            </a:cxn>
            <a:cxn ang="T143">
              <a:pos x="T62" y="T63"/>
            </a:cxn>
            <a:cxn ang="T144">
              <a:pos x="T64" y="T65"/>
            </a:cxn>
            <a:cxn ang="T145">
              <a:pos x="T66" y="T67"/>
            </a:cxn>
            <a:cxn ang="T146">
              <a:pos x="T68" y="T69"/>
            </a:cxn>
            <a:cxn ang="T147">
              <a:pos x="T70" y="T71"/>
            </a:cxn>
            <a:cxn ang="T148">
              <a:pos x="T72" y="T73"/>
            </a:cxn>
            <a:cxn ang="T149">
              <a:pos x="T74" y="T75"/>
            </a:cxn>
            <a:cxn ang="T150">
              <a:pos x="T76" y="T77"/>
            </a:cxn>
            <a:cxn ang="T151">
              <a:pos x="T78" y="T79"/>
            </a:cxn>
            <a:cxn ang="T152">
              <a:pos x="T80" y="T81"/>
            </a:cxn>
            <a:cxn ang="T153">
              <a:pos x="T82" y="T83"/>
            </a:cxn>
            <a:cxn ang="T154">
              <a:pos x="T84" y="T85"/>
            </a:cxn>
            <a:cxn ang="T155">
              <a:pos x="T86" y="T87"/>
            </a:cxn>
            <a:cxn ang="T156">
              <a:pos x="T88" y="T89"/>
            </a:cxn>
            <a:cxn ang="T157">
              <a:pos x="T90" y="T91"/>
            </a:cxn>
            <a:cxn ang="T158">
              <a:pos x="T92" y="T93"/>
            </a:cxn>
            <a:cxn ang="T159">
              <a:pos x="T94" y="T95"/>
            </a:cxn>
            <a:cxn ang="T160">
              <a:pos x="T96" y="T97"/>
            </a:cxn>
            <a:cxn ang="T161">
              <a:pos x="T98" y="T99"/>
            </a:cxn>
            <a:cxn ang="T162">
              <a:pos x="T100" y="T101"/>
            </a:cxn>
            <a:cxn ang="T163">
              <a:pos x="T102" y="T103"/>
            </a:cxn>
            <a:cxn ang="T164">
              <a:pos x="T104" y="T105"/>
            </a:cxn>
            <a:cxn ang="T165">
              <a:pos x="T106" y="T107"/>
            </a:cxn>
            <a:cxn ang="T166">
              <a:pos x="T108" y="T109"/>
            </a:cxn>
            <a:cxn ang="T167">
              <a:pos x="T110" y="T111"/>
            </a:cxn>
          </a:cxnLst>
          <a:rect l="T168" t="T169" r="T170" b="T171"/>
          <a:pathLst>
            <a:path w="16384" h="16384">
              <a:moveTo>
                <a:pt x="7180" y="14157"/>
              </a:moveTo>
              <a:lnTo>
                <a:pt x="7732" y="14157"/>
              </a:lnTo>
              <a:lnTo>
                <a:pt x="7916" y="14952"/>
              </a:lnTo>
              <a:lnTo>
                <a:pt x="6811" y="15430"/>
              </a:lnTo>
              <a:lnTo>
                <a:pt x="6443" y="15907"/>
              </a:lnTo>
              <a:lnTo>
                <a:pt x="6811" y="16384"/>
              </a:lnTo>
              <a:lnTo>
                <a:pt x="9757" y="15271"/>
              </a:lnTo>
              <a:lnTo>
                <a:pt x="8652" y="10339"/>
              </a:lnTo>
              <a:lnTo>
                <a:pt x="8836" y="10021"/>
              </a:lnTo>
              <a:lnTo>
                <a:pt x="10493" y="13839"/>
              </a:lnTo>
              <a:lnTo>
                <a:pt x="12334" y="13044"/>
              </a:lnTo>
              <a:lnTo>
                <a:pt x="11045" y="11135"/>
              </a:lnTo>
              <a:lnTo>
                <a:pt x="12334" y="10817"/>
              </a:lnTo>
              <a:lnTo>
                <a:pt x="13070" y="12725"/>
              </a:lnTo>
              <a:lnTo>
                <a:pt x="16384" y="11294"/>
              </a:lnTo>
              <a:lnTo>
                <a:pt x="14359" y="8590"/>
              </a:lnTo>
              <a:lnTo>
                <a:pt x="13439" y="8908"/>
              </a:lnTo>
              <a:lnTo>
                <a:pt x="12518" y="5886"/>
              </a:lnTo>
              <a:lnTo>
                <a:pt x="11966" y="4931"/>
              </a:lnTo>
              <a:lnTo>
                <a:pt x="11229" y="4613"/>
              </a:lnTo>
              <a:lnTo>
                <a:pt x="11414" y="4136"/>
              </a:lnTo>
              <a:lnTo>
                <a:pt x="11229" y="3340"/>
              </a:lnTo>
              <a:lnTo>
                <a:pt x="10677" y="2386"/>
              </a:lnTo>
              <a:lnTo>
                <a:pt x="10309" y="1750"/>
              </a:lnTo>
              <a:lnTo>
                <a:pt x="10493" y="0"/>
              </a:lnTo>
              <a:lnTo>
                <a:pt x="9204" y="0"/>
              </a:lnTo>
              <a:lnTo>
                <a:pt x="8284" y="318"/>
              </a:lnTo>
              <a:lnTo>
                <a:pt x="6627" y="1273"/>
              </a:lnTo>
              <a:lnTo>
                <a:pt x="5155" y="636"/>
              </a:lnTo>
              <a:lnTo>
                <a:pt x="4234" y="477"/>
              </a:lnTo>
              <a:lnTo>
                <a:pt x="4050" y="159"/>
              </a:lnTo>
              <a:lnTo>
                <a:pt x="3498" y="477"/>
              </a:lnTo>
              <a:lnTo>
                <a:pt x="2393" y="1113"/>
              </a:lnTo>
              <a:lnTo>
                <a:pt x="2209" y="1750"/>
              </a:lnTo>
              <a:lnTo>
                <a:pt x="2393" y="2386"/>
              </a:lnTo>
              <a:lnTo>
                <a:pt x="2209" y="3340"/>
              </a:lnTo>
              <a:lnTo>
                <a:pt x="1841" y="3818"/>
              </a:lnTo>
              <a:lnTo>
                <a:pt x="1289" y="3818"/>
              </a:lnTo>
              <a:lnTo>
                <a:pt x="1289" y="4613"/>
              </a:lnTo>
              <a:lnTo>
                <a:pt x="1105" y="4931"/>
              </a:lnTo>
              <a:lnTo>
                <a:pt x="184" y="5408"/>
              </a:lnTo>
              <a:lnTo>
                <a:pt x="0" y="6045"/>
              </a:lnTo>
              <a:lnTo>
                <a:pt x="184" y="6999"/>
              </a:lnTo>
              <a:lnTo>
                <a:pt x="368" y="7317"/>
              </a:lnTo>
              <a:lnTo>
                <a:pt x="736" y="7794"/>
              </a:lnTo>
              <a:lnTo>
                <a:pt x="1289" y="8112"/>
              </a:lnTo>
              <a:lnTo>
                <a:pt x="1841" y="8749"/>
              </a:lnTo>
              <a:lnTo>
                <a:pt x="2577" y="8908"/>
              </a:lnTo>
              <a:lnTo>
                <a:pt x="3498" y="9067"/>
              </a:lnTo>
              <a:lnTo>
                <a:pt x="4234" y="9703"/>
              </a:lnTo>
              <a:lnTo>
                <a:pt x="4418" y="10498"/>
              </a:lnTo>
              <a:lnTo>
                <a:pt x="4970" y="10658"/>
              </a:lnTo>
              <a:lnTo>
                <a:pt x="5339" y="11453"/>
              </a:lnTo>
              <a:lnTo>
                <a:pt x="6075" y="12407"/>
              </a:lnTo>
              <a:lnTo>
                <a:pt x="6811" y="13362"/>
              </a:lnTo>
              <a:lnTo>
                <a:pt x="7180" y="1415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11104</xdr:colOff>
      <xdr:row>5</xdr:row>
      <xdr:rowOff>271831</xdr:rowOff>
    </xdr:from>
    <xdr:to>
      <xdr:col>27</xdr:col>
      <xdr:colOff>393437</xdr:colOff>
      <xdr:row>7</xdr:row>
      <xdr:rowOff>205051</xdr:rowOff>
    </xdr:to>
    <xdr:sp macro="" textlink="">
      <xdr:nvSpPr>
        <xdr:cNvPr id="3" name="d14102"/>
        <xdr:cNvSpPr>
          <a:spLocks/>
        </xdr:cNvSpPr>
      </xdr:nvSpPr>
      <xdr:spPr bwMode="auto">
        <a:xfrm>
          <a:off x="19226538" y="2633028"/>
          <a:ext cx="1069136" cy="56487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w 16384"/>
            <a:gd name="T130" fmla="*/ 0 h 16384"/>
            <a:gd name="T131" fmla="*/ 16384 w 16384"/>
            <a:gd name="T132" fmla="*/ 16384 h 16384"/>
          </a:gdLst>
          <a:ahLst/>
          <a:cxnLst>
            <a:cxn ang="T86">
              <a:pos x="T0" y="T1"/>
            </a:cxn>
            <a:cxn ang="T87">
              <a:pos x="T2" y="T3"/>
            </a:cxn>
            <a:cxn ang="T88">
              <a:pos x="T4" y="T5"/>
            </a:cxn>
            <a:cxn ang="T89">
              <a:pos x="T6" y="T7"/>
            </a:cxn>
            <a:cxn ang="T90">
              <a:pos x="T8" y="T9"/>
            </a:cxn>
            <a:cxn ang="T91">
              <a:pos x="T10" y="T11"/>
            </a:cxn>
            <a:cxn ang="T92">
              <a:pos x="T12" y="T13"/>
            </a:cxn>
            <a:cxn ang="T93">
              <a:pos x="T14" y="T15"/>
            </a:cxn>
            <a:cxn ang="T94">
              <a:pos x="T16" y="T17"/>
            </a:cxn>
            <a:cxn ang="T95">
              <a:pos x="T18" y="T19"/>
            </a:cxn>
            <a:cxn ang="T96">
              <a:pos x="T20" y="T21"/>
            </a:cxn>
            <a:cxn ang="T97">
              <a:pos x="T22" y="T23"/>
            </a:cxn>
            <a:cxn ang="T98">
              <a:pos x="T24" y="T25"/>
            </a:cxn>
            <a:cxn ang="T99">
              <a:pos x="T26" y="T27"/>
            </a:cxn>
            <a:cxn ang="T100">
              <a:pos x="T28" y="T29"/>
            </a:cxn>
            <a:cxn ang="T101">
              <a:pos x="T30" y="T31"/>
            </a:cxn>
            <a:cxn ang="T102">
              <a:pos x="T32" y="T33"/>
            </a:cxn>
            <a:cxn ang="T103">
              <a:pos x="T34" y="T35"/>
            </a:cxn>
            <a:cxn ang="T104">
              <a:pos x="T36" y="T37"/>
            </a:cxn>
            <a:cxn ang="T105">
              <a:pos x="T38" y="T39"/>
            </a:cxn>
            <a:cxn ang="T106">
              <a:pos x="T40" y="T41"/>
            </a:cxn>
            <a:cxn ang="T107">
              <a:pos x="T42" y="T43"/>
            </a:cxn>
            <a:cxn ang="T108">
              <a:pos x="T44" y="T45"/>
            </a:cxn>
            <a:cxn ang="T109">
              <a:pos x="T46" y="T47"/>
            </a:cxn>
            <a:cxn ang="T110">
              <a:pos x="T48" y="T49"/>
            </a:cxn>
            <a:cxn ang="T111">
              <a:pos x="T50" y="T51"/>
            </a:cxn>
            <a:cxn ang="T112">
              <a:pos x="T52" y="T53"/>
            </a:cxn>
            <a:cxn ang="T113">
              <a:pos x="T54" y="T55"/>
            </a:cxn>
            <a:cxn ang="T114">
              <a:pos x="T56" y="T57"/>
            </a:cxn>
            <a:cxn ang="T115">
              <a:pos x="T58" y="T59"/>
            </a:cxn>
            <a:cxn ang="T116">
              <a:pos x="T60" y="T61"/>
            </a:cxn>
            <a:cxn ang="T117">
              <a:pos x="T62" y="T63"/>
            </a:cxn>
            <a:cxn ang="T118">
              <a:pos x="T64" y="T65"/>
            </a:cxn>
            <a:cxn ang="T119">
              <a:pos x="T66" y="T67"/>
            </a:cxn>
            <a:cxn ang="T120">
              <a:pos x="T68" y="T69"/>
            </a:cxn>
            <a:cxn ang="T121">
              <a:pos x="T70" y="T71"/>
            </a:cxn>
            <a:cxn ang="T122">
              <a:pos x="T72" y="T73"/>
            </a:cxn>
            <a:cxn ang="T123">
              <a:pos x="T74" y="T75"/>
            </a:cxn>
            <a:cxn ang="T124">
              <a:pos x="T76" y="T77"/>
            </a:cxn>
            <a:cxn ang="T125">
              <a:pos x="T78" y="T79"/>
            </a:cxn>
            <a:cxn ang="T126">
              <a:pos x="T80" y="T81"/>
            </a:cxn>
            <a:cxn ang="T127">
              <a:pos x="T82" y="T83"/>
            </a:cxn>
            <a:cxn ang="T128">
              <a:pos x="T84" y="T85"/>
            </a:cxn>
          </a:cxnLst>
          <a:rect l="T129" t="T130" r="T131" b="T132"/>
          <a:pathLst>
            <a:path w="16384" h="16384">
              <a:moveTo>
                <a:pt x="16384" y="10923"/>
              </a:moveTo>
              <a:lnTo>
                <a:pt x="16120" y="9557"/>
              </a:lnTo>
              <a:lnTo>
                <a:pt x="15591" y="7919"/>
              </a:lnTo>
              <a:lnTo>
                <a:pt x="15063" y="6281"/>
              </a:lnTo>
              <a:lnTo>
                <a:pt x="14798" y="4915"/>
              </a:lnTo>
              <a:lnTo>
                <a:pt x="14402" y="4642"/>
              </a:lnTo>
              <a:lnTo>
                <a:pt x="14270" y="3277"/>
              </a:lnTo>
              <a:lnTo>
                <a:pt x="13741" y="2185"/>
              </a:lnTo>
              <a:lnTo>
                <a:pt x="13081" y="1911"/>
              </a:lnTo>
              <a:lnTo>
                <a:pt x="12552" y="1638"/>
              </a:lnTo>
              <a:lnTo>
                <a:pt x="12156" y="546"/>
              </a:lnTo>
              <a:lnTo>
                <a:pt x="11759" y="0"/>
              </a:lnTo>
              <a:lnTo>
                <a:pt x="11495" y="546"/>
              </a:lnTo>
              <a:lnTo>
                <a:pt x="11363" y="1911"/>
              </a:lnTo>
              <a:lnTo>
                <a:pt x="11363" y="3550"/>
              </a:lnTo>
              <a:lnTo>
                <a:pt x="11231" y="4915"/>
              </a:lnTo>
              <a:lnTo>
                <a:pt x="10835" y="5188"/>
              </a:lnTo>
              <a:lnTo>
                <a:pt x="10306" y="4915"/>
              </a:lnTo>
              <a:lnTo>
                <a:pt x="10042" y="5461"/>
              </a:lnTo>
              <a:lnTo>
                <a:pt x="9645" y="6007"/>
              </a:lnTo>
              <a:lnTo>
                <a:pt x="9381" y="6281"/>
              </a:lnTo>
              <a:lnTo>
                <a:pt x="8721" y="5734"/>
              </a:lnTo>
              <a:lnTo>
                <a:pt x="8324" y="5461"/>
              </a:lnTo>
              <a:lnTo>
                <a:pt x="8060" y="4642"/>
              </a:lnTo>
              <a:lnTo>
                <a:pt x="7399" y="4642"/>
              </a:lnTo>
              <a:lnTo>
                <a:pt x="6871" y="4642"/>
              </a:lnTo>
              <a:lnTo>
                <a:pt x="6739" y="4096"/>
              </a:lnTo>
              <a:lnTo>
                <a:pt x="7003" y="3004"/>
              </a:lnTo>
              <a:lnTo>
                <a:pt x="6739" y="1911"/>
              </a:lnTo>
              <a:lnTo>
                <a:pt x="6342" y="1911"/>
              </a:lnTo>
              <a:lnTo>
                <a:pt x="6078" y="2458"/>
              </a:lnTo>
              <a:lnTo>
                <a:pt x="5814" y="2731"/>
              </a:lnTo>
              <a:lnTo>
                <a:pt x="5153" y="2458"/>
              </a:lnTo>
              <a:lnTo>
                <a:pt x="4625" y="2185"/>
              </a:lnTo>
              <a:lnTo>
                <a:pt x="4096" y="1911"/>
              </a:lnTo>
              <a:lnTo>
                <a:pt x="3567" y="1365"/>
              </a:lnTo>
              <a:lnTo>
                <a:pt x="3700" y="546"/>
              </a:lnTo>
              <a:lnTo>
                <a:pt x="2907" y="546"/>
              </a:lnTo>
              <a:lnTo>
                <a:pt x="2643" y="819"/>
              </a:lnTo>
              <a:lnTo>
                <a:pt x="2246" y="819"/>
              </a:lnTo>
              <a:lnTo>
                <a:pt x="1718" y="546"/>
              </a:lnTo>
              <a:lnTo>
                <a:pt x="1189" y="273"/>
              </a:lnTo>
              <a:lnTo>
                <a:pt x="925" y="1092"/>
              </a:lnTo>
              <a:lnTo>
                <a:pt x="661" y="1638"/>
              </a:lnTo>
              <a:lnTo>
                <a:pt x="396" y="2458"/>
              </a:lnTo>
              <a:lnTo>
                <a:pt x="132" y="3004"/>
              </a:lnTo>
              <a:lnTo>
                <a:pt x="0" y="3277"/>
              </a:lnTo>
              <a:lnTo>
                <a:pt x="132" y="4096"/>
              </a:lnTo>
              <a:lnTo>
                <a:pt x="529" y="5188"/>
              </a:lnTo>
              <a:lnTo>
                <a:pt x="1189" y="6827"/>
              </a:lnTo>
              <a:lnTo>
                <a:pt x="1453" y="8465"/>
              </a:lnTo>
              <a:lnTo>
                <a:pt x="1586" y="10923"/>
              </a:lnTo>
              <a:lnTo>
                <a:pt x="2114" y="12015"/>
              </a:lnTo>
              <a:lnTo>
                <a:pt x="2510" y="13380"/>
              </a:lnTo>
              <a:lnTo>
                <a:pt x="2643" y="12015"/>
              </a:lnTo>
              <a:lnTo>
                <a:pt x="3171" y="10923"/>
              </a:lnTo>
              <a:lnTo>
                <a:pt x="3832" y="9830"/>
              </a:lnTo>
              <a:lnTo>
                <a:pt x="4492" y="9830"/>
              </a:lnTo>
              <a:lnTo>
                <a:pt x="5021" y="9011"/>
              </a:lnTo>
              <a:lnTo>
                <a:pt x="5285" y="10650"/>
              </a:lnTo>
              <a:lnTo>
                <a:pt x="5549" y="12288"/>
              </a:lnTo>
              <a:lnTo>
                <a:pt x="5285" y="14199"/>
              </a:lnTo>
              <a:lnTo>
                <a:pt x="5549" y="14746"/>
              </a:lnTo>
              <a:lnTo>
                <a:pt x="5814" y="14473"/>
              </a:lnTo>
              <a:lnTo>
                <a:pt x="6210" y="14473"/>
              </a:lnTo>
              <a:lnTo>
                <a:pt x="6606" y="13926"/>
              </a:lnTo>
              <a:lnTo>
                <a:pt x="7399" y="13380"/>
              </a:lnTo>
              <a:lnTo>
                <a:pt x="7928" y="13926"/>
              </a:lnTo>
              <a:lnTo>
                <a:pt x="8192" y="14746"/>
              </a:lnTo>
              <a:lnTo>
                <a:pt x="8588" y="14746"/>
              </a:lnTo>
              <a:lnTo>
                <a:pt x="9117" y="15292"/>
              </a:lnTo>
              <a:lnTo>
                <a:pt x="9513" y="15838"/>
              </a:lnTo>
              <a:lnTo>
                <a:pt x="10042" y="15565"/>
              </a:lnTo>
              <a:lnTo>
                <a:pt x="10438" y="15565"/>
              </a:lnTo>
              <a:lnTo>
                <a:pt x="10702" y="16111"/>
              </a:lnTo>
              <a:lnTo>
                <a:pt x="12288" y="14473"/>
              </a:lnTo>
              <a:lnTo>
                <a:pt x="13609" y="16384"/>
              </a:lnTo>
              <a:lnTo>
                <a:pt x="13874" y="15838"/>
              </a:lnTo>
              <a:lnTo>
                <a:pt x="13213" y="14199"/>
              </a:lnTo>
              <a:lnTo>
                <a:pt x="13477" y="13380"/>
              </a:lnTo>
              <a:lnTo>
                <a:pt x="12288" y="11742"/>
              </a:lnTo>
              <a:lnTo>
                <a:pt x="12684" y="11196"/>
              </a:lnTo>
              <a:lnTo>
                <a:pt x="13609" y="11469"/>
              </a:lnTo>
              <a:lnTo>
                <a:pt x="14666" y="11196"/>
              </a:lnTo>
              <a:lnTo>
                <a:pt x="15327" y="11196"/>
              </a:lnTo>
              <a:lnTo>
                <a:pt x="15988" y="11196"/>
              </a:lnTo>
              <a:lnTo>
                <a:pt x="16384" y="109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391407</xdr:colOff>
      <xdr:row>7</xdr:row>
      <xdr:rowOff>93372</xdr:rowOff>
    </xdr:from>
    <xdr:to>
      <xdr:col>27</xdr:col>
      <xdr:colOff>52028</xdr:colOff>
      <xdr:row>8</xdr:row>
      <xdr:rowOff>251219</xdr:rowOff>
    </xdr:to>
    <xdr:sp macro="" textlink="">
      <xdr:nvSpPr>
        <xdr:cNvPr id="4" name="d14103"/>
        <xdr:cNvSpPr>
          <a:spLocks/>
        </xdr:cNvSpPr>
      </xdr:nvSpPr>
      <xdr:spPr bwMode="auto">
        <a:xfrm>
          <a:off x="19606841" y="3086227"/>
          <a:ext cx="347424" cy="47367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w 16384"/>
            <a:gd name="T127" fmla="*/ 0 h 16384"/>
            <a:gd name="T128" fmla="*/ 16384 w 16384"/>
            <a:gd name="T129" fmla="*/ 16384 h 16384"/>
          </a:gdLst>
          <a:ahLst/>
          <a:cxnLst>
            <a:cxn ang="T84">
              <a:pos x="T0" y="T1"/>
            </a:cxn>
            <a:cxn ang="T85">
              <a:pos x="T2" y="T3"/>
            </a:cxn>
            <a:cxn ang="T86">
              <a:pos x="T4" y="T5"/>
            </a:cxn>
            <a:cxn ang="T87">
              <a:pos x="T6" y="T7"/>
            </a:cxn>
            <a:cxn ang="T88">
              <a:pos x="T8" y="T9"/>
            </a:cxn>
            <a:cxn ang="T89">
              <a:pos x="T10" y="T11"/>
            </a:cxn>
            <a:cxn ang="T90">
              <a:pos x="T12" y="T13"/>
            </a:cxn>
            <a:cxn ang="T91">
              <a:pos x="T14" y="T15"/>
            </a:cxn>
            <a:cxn ang="T92">
              <a:pos x="T16" y="T17"/>
            </a:cxn>
            <a:cxn ang="T93">
              <a:pos x="T18" y="T19"/>
            </a:cxn>
            <a:cxn ang="T94">
              <a:pos x="T20" y="T21"/>
            </a:cxn>
            <a:cxn ang="T95">
              <a:pos x="T22" y="T23"/>
            </a:cxn>
            <a:cxn ang="T96">
              <a:pos x="T24" y="T25"/>
            </a:cxn>
            <a:cxn ang="T97">
              <a:pos x="T26" y="T27"/>
            </a:cxn>
            <a:cxn ang="T98">
              <a:pos x="T28" y="T29"/>
            </a:cxn>
            <a:cxn ang="T99">
              <a:pos x="T30" y="T31"/>
            </a:cxn>
            <a:cxn ang="T100">
              <a:pos x="T32" y="T33"/>
            </a:cxn>
            <a:cxn ang="T101">
              <a:pos x="T34" y="T35"/>
            </a:cxn>
            <a:cxn ang="T102">
              <a:pos x="T36" y="T37"/>
            </a:cxn>
            <a:cxn ang="T103">
              <a:pos x="T38" y="T39"/>
            </a:cxn>
            <a:cxn ang="T104">
              <a:pos x="T40" y="T41"/>
            </a:cxn>
            <a:cxn ang="T105">
              <a:pos x="T42" y="T43"/>
            </a:cxn>
            <a:cxn ang="T106">
              <a:pos x="T44" y="T45"/>
            </a:cxn>
            <a:cxn ang="T107">
              <a:pos x="T46" y="T47"/>
            </a:cxn>
            <a:cxn ang="T108">
              <a:pos x="T48" y="T49"/>
            </a:cxn>
            <a:cxn ang="T109">
              <a:pos x="T50" y="T51"/>
            </a:cxn>
            <a:cxn ang="T110">
              <a:pos x="T52" y="T53"/>
            </a:cxn>
            <a:cxn ang="T111">
              <a:pos x="T54" y="T55"/>
            </a:cxn>
            <a:cxn ang="T112">
              <a:pos x="T56" y="T57"/>
            </a:cxn>
            <a:cxn ang="T113">
              <a:pos x="T58" y="T59"/>
            </a:cxn>
            <a:cxn ang="T114">
              <a:pos x="T60" y="T61"/>
            </a:cxn>
            <a:cxn ang="T115">
              <a:pos x="T62" y="T63"/>
            </a:cxn>
            <a:cxn ang="T116">
              <a:pos x="T64" y="T65"/>
            </a:cxn>
            <a:cxn ang="T117">
              <a:pos x="T66" y="T67"/>
            </a:cxn>
            <a:cxn ang="T118">
              <a:pos x="T68" y="T69"/>
            </a:cxn>
            <a:cxn ang="T119">
              <a:pos x="T70" y="T71"/>
            </a:cxn>
            <a:cxn ang="T120">
              <a:pos x="T72" y="T73"/>
            </a:cxn>
            <a:cxn ang="T121">
              <a:pos x="T74" y="T75"/>
            </a:cxn>
            <a:cxn ang="T122">
              <a:pos x="T76" y="T77"/>
            </a:cxn>
            <a:cxn ang="T123">
              <a:pos x="T78" y="T79"/>
            </a:cxn>
            <a:cxn ang="T124">
              <a:pos x="T80" y="T81"/>
            </a:cxn>
            <a:cxn ang="T125">
              <a:pos x="T82" y="T83"/>
            </a:cxn>
          </a:cxnLst>
          <a:rect l="T126" t="T127" r="T128" b="T129"/>
          <a:pathLst>
            <a:path w="16384" h="16384">
              <a:moveTo>
                <a:pt x="15155" y="3213"/>
              </a:moveTo>
              <a:lnTo>
                <a:pt x="14336" y="2570"/>
              </a:lnTo>
              <a:lnTo>
                <a:pt x="13107" y="2570"/>
              </a:lnTo>
              <a:lnTo>
                <a:pt x="11469" y="2891"/>
              </a:lnTo>
              <a:lnTo>
                <a:pt x="10240" y="2249"/>
              </a:lnTo>
              <a:lnTo>
                <a:pt x="8602" y="1606"/>
              </a:lnTo>
              <a:lnTo>
                <a:pt x="7373" y="1606"/>
              </a:lnTo>
              <a:lnTo>
                <a:pt x="6554" y="643"/>
              </a:lnTo>
              <a:lnTo>
                <a:pt x="4915" y="0"/>
              </a:lnTo>
              <a:lnTo>
                <a:pt x="2458" y="643"/>
              </a:lnTo>
              <a:lnTo>
                <a:pt x="1229" y="1285"/>
              </a:lnTo>
              <a:lnTo>
                <a:pt x="1229" y="1928"/>
              </a:lnTo>
              <a:lnTo>
                <a:pt x="410" y="2570"/>
              </a:lnTo>
              <a:lnTo>
                <a:pt x="819" y="3855"/>
              </a:lnTo>
              <a:lnTo>
                <a:pt x="1229" y="5140"/>
              </a:lnTo>
              <a:lnTo>
                <a:pt x="1638" y="6104"/>
              </a:lnTo>
              <a:lnTo>
                <a:pt x="1229" y="7068"/>
              </a:lnTo>
              <a:lnTo>
                <a:pt x="1229" y="8353"/>
              </a:lnTo>
              <a:lnTo>
                <a:pt x="410" y="9638"/>
              </a:lnTo>
              <a:lnTo>
                <a:pt x="0" y="10601"/>
              </a:lnTo>
              <a:lnTo>
                <a:pt x="0" y="12208"/>
              </a:lnTo>
              <a:lnTo>
                <a:pt x="819" y="13171"/>
              </a:lnTo>
              <a:lnTo>
                <a:pt x="1638" y="13493"/>
              </a:lnTo>
              <a:lnTo>
                <a:pt x="3277" y="13493"/>
              </a:lnTo>
              <a:lnTo>
                <a:pt x="4506" y="13493"/>
              </a:lnTo>
              <a:lnTo>
                <a:pt x="5734" y="12850"/>
              </a:lnTo>
              <a:lnTo>
                <a:pt x="7373" y="13814"/>
              </a:lnTo>
              <a:lnTo>
                <a:pt x="9421" y="14456"/>
              </a:lnTo>
              <a:lnTo>
                <a:pt x="9011" y="16063"/>
              </a:lnTo>
              <a:lnTo>
                <a:pt x="9421" y="16384"/>
              </a:lnTo>
              <a:lnTo>
                <a:pt x="10650" y="16384"/>
              </a:lnTo>
              <a:lnTo>
                <a:pt x="12288" y="15420"/>
              </a:lnTo>
              <a:lnTo>
                <a:pt x="13926" y="15099"/>
              </a:lnTo>
              <a:lnTo>
                <a:pt x="15155" y="13814"/>
              </a:lnTo>
              <a:lnTo>
                <a:pt x="15565" y="12529"/>
              </a:lnTo>
              <a:lnTo>
                <a:pt x="15974" y="11565"/>
              </a:lnTo>
              <a:lnTo>
                <a:pt x="15565" y="10280"/>
              </a:lnTo>
              <a:lnTo>
                <a:pt x="15565" y="8995"/>
              </a:lnTo>
              <a:lnTo>
                <a:pt x="16384" y="8353"/>
              </a:lnTo>
              <a:lnTo>
                <a:pt x="15155" y="7710"/>
              </a:lnTo>
              <a:lnTo>
                <a:pt x="13107" y="5783"/>
              </a:lnTo>
              <a:lnTo>
                <a:pt x="15155" y="321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626056</xdr:colOff>
      <xdr:row>7</xdr:row>
      <xdr:rowOff>285291</xdr:rowOff>
    </xdr:from>
    <xdr:to>
      <xdr:col>27</xdr:col>
      <xdr:colOff>577532</xdr:colOff>
      <xdr:row>10</xdr:row>
      <xdr:rowOff>68472</xdr:rowOff>
    </xdr:to>
    <xdr:sp macro="" textlink="">
      <xdr:nvSpPr>
        <xdr:cNvPr id="5" name="d14104"/>
        <xdr:cNvSpPr>
          <a:spLocks/>
        </xdr:cNvSpPr>
      </xdr:nvSpPr>
      <xdr:spPr bwMode="auto">
        <a:xfrm>
          <a:off x="19841490" y="3278146"/>
          <a:ext cx="638279" cy="73066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w 16384"/>
            <a:gd name="T175" fmla="*/ 0 h 16384"/>
            <a:gd name="T176" fmla="*/ 16384 w 16384"/>
            <a:gd name="T177" fmla="*/ 16384 h 16384"/>
          </a:gdLst>
          <a:ahLst/>
          <a:cxnLst>
            <a:cxn ang="T116">
              <a:pos x="T0" y="T1"/>
            </a:cxn>
            <a:cxn ang="T117">
              <a:pos x="T2" y="T3"/>
            </a:cxn>
            <a:cxn ang="T118">
              <a:pos x="T4" y="T5"/>
            </a:cxn>
            <a:cxn ang="T119">
              <a:pos x="T6" y="T7"/>
            </a:cxn>
            <a:cxn ang="T120">
              <a:pos x="T8" y="T9"/>
            </a:cxn>
            <a:cxn ang="T121">
              <a:pos x="T10" y="T11"/>
            </a:cxn>
            <a:cxn ang="T122">
              <a:pos x="T12" y="T13"/>
            </a:cxn>
            <a:cxn ang="T123">
              <a:pos x="T14" y="T15"/>
            </a:cxn>
            <a:cxn ang="T124">
              <a:pos x="T16" y="T17"/>
            </a:cxn>
            <a:cxn ang="T125">
              <a:pos x="T18" y="T19"/>
            </a:cxn>
            <a:cxn ang="T126">
              <a:pos x="T20" y="T21"/>
            </a:cxn>
            <a:cxn ang="T127">
              <a:pos x="T22" y="T23"/>
            </a:cxn>
            <a:cxn ang="T128">
              <a:pos x="T24" y="T25"/>
            </a:cxn>
            <a:cxn ang="T129">
              <a:pos x="T26" y="T27"/>
            </a:cxn>
            <a:cxn ang="T130">
              <a:pos x="T28" y="T29"/>
            </a:cxn>
            <a:cxn ang="T131">
              <a:pos x="T30" y="T31"/>
            </a:cxn>
            <a:cxn ang="T132">
              <a:pos x="T32" y="T33"/>
            </a:cxn>
            <a:cxn ang="T133">
              <a:pos x="T34" y="T35"/>
            </a:cxn>
            <a:cxn ang="T134">
              <a:pos x="T36" y="T37"/>
            </a:cxn>
            <a:cxn ang="T135">
              <a:pos x="T38" y="T39"/>
            </a:cxn>
            <a:cxn ang="T136">
              <a:pos x="T40" y="T41"/>
            </a:cxn>
            <a:cxn ang="T137">
              <a:pos x="T42" y="T43"/>
            </a:cxn>
            <a:cxn ang="T138">
              <a:pos x="T44" y="T45"/>
            </a:cxn>
            <a:cxn ang="T139">
              <a:pos x="T46" y="T47"/>
            </a:cxn>
            <a:cxn ang="T140">
              <a:pos x="T48" y="T49"/>
            </a:cxn>
            <a:cxn ang="T141">
              <a:pos x="T50" y="T51"/>
            </a:cxn>
            <a:cxn ang="T142">
              <a:pos x="T52" y="T53"/>
            </a:cxn>
            <a:cxn ang="T143">
              <a:pos x="T54" y="T55"/>
            </a:cxn>
            <a:cxn ang="T144">
              <a:pos x="T56" y="T57"/>
            </a:cxn>
            <a:cxn ang="T145">
              <a:pos x="T58" y="T59"/>
            </a:cxn>
            <a:cxn ang="T146">
              <a:pos x="T60" y="T61"/>
            </a:cxn>
            <a:cxn ang="T147">
              <a:pos x="T62" y="T63"/>
            </a:cxn>
            <a:cxn ang="T148">
              <a:pos x="T64" y="T65"/>
            </a:cxn>
            <a:cxn ang="T149">
              <a:pos x="T66" y="T67"/>
            </a:cxn>
            <a:cxn ang="T150">
              <a:pos x="T68" y="T69"/>
            </a:cxn>
            <a:cxn ang="T151">
              <a:pos x="T70" y="T71"/>
            </a:cxn>
            <a:cxn ang="T152">
              <a:pos x="T72" y="T73"/>
            </a:cxn>
            <a:cxn ang="T153">
              <a:pos x="T74" y="T75"/>
            </a:cxn>
            <a:cxn ang="T154">
              <a:pos x="T76" y="T77"/>
            </a:cxn>
            <a:cxn ang="T155">
              <a:pos x="T78" y="T79"/>
            </a:cxn>
            <a:cxn ang="T156">
              <a:pos x="T80" y="T81"/>
            </a:cxn>
            <a:cxn ang="T157">
              <a:pos x="T82" y="T83"/>
            </a:cxn>
            <a:cxn ang="T158">
              <a:pos x="T84" y="T85"/>
            </a:cxn>
            <a:cxn ang="T159">
              <a:pos x="T86" y="T87"/>
            </a:cxn>
            <a:cxn ang="T160">
              <a:pos x="T88" y="T89"/>
            </a:cxn>
            <a:cxn ang="T161">
              <a:pos x="T90" y="T91"/>
            </a:cxn>
            <a:cxn ang="T162">
              <a:pos x="T92" y="T93"/>
            </a:cxn>
            <a:cxn ang="T163">
              <a:pos x="T94" y="T95"/>
            </a:cxn>
            <a:cxn ang="T164">
              <a:pos x="T96" y="T97"/>
            </a:cxn>
            <a:cxn ang="T165">
              <a:pos x="T98" y="T99"/>
            </a:cxn>
            <a:cxn ang="T166">
              <a:pos x="T100" y="T101"/>
            </a:cxn>
            <a:cxn ang="T167">
              <a:pos x="T102" y="T103"/>
            </a:cxn>
            <a:cxn ang="T168">
              <a:pos x="T104" y="T105"/>
            </a:cxn>
            <a:cxn ang="T169">
              <a:pos x="T106" y="T107"/>
            </a:cxn>
            <a:cxn ang="T170">
              <a:pos x="T108" y="T109"/>
            </a:cxn>
            <a:cxn ang="T171">
              <a:pos x="T110" y="T111"/>
            </a:cxn>
            <a:cxn ang="T172">
              <a:pos x="T112" y="T113"/>
            </a:cxn>
            <a:cxn ang="T173">
              <a:pos x="T114" y="T115"/>
            </a:cxn>
          </a:cxnLst>
          <a:rect l="T174" t="T175" r="T176" b="T177"/>
          <a:pathLst>
            <a:path w="16384" h="16384">
              <a:moveTo>
                <a:pt x="3186" y="1050"/>
              </a:moveTo>
              <a:lnTo>
                <a:pt x="2731" y="1470"/>
              </a:lnTo>
              <a:lnTo>
                <a:pt x="2731" y="2311"/>
              </a:lnTo>
              <a:lnTo>
                <a:pt x="2958" y="3151"/>
              </a:lnTo>
              <a:lnTo>
                <a:pt x="2731" y="3781"/>
              </a:lnTo>
              <a:lnTo>
                <a:pt x="2503" y="4621"/>
              </a:lnTo>
              <a:lnTo>
                <a:pt x="1820" y="5461"/>
              </a:lnTo>
              <a:lnTo>
                <a:pt x="2048" y="6302"/>
              </a:lnTo>
              <a:lnTo>
                <a:pt x="3186" y="6512"/>
              </a:lnTo>
              <a:lnTo>
                <a:pt x="3186" y="7142"/>
              </a:lnTo>
              <a:lnTo>
                <a:pt x="3641" y="7562"/>
              </a:lnTo>
              <a:lnTo>
                <a:pt x="3413" y="8402"/>
              </a:lnTo>
              <a:lnTo>
                <a:pt x="2731" y="8822"/>
              </a:lnTo>
              <a:lnTo>
                <a:pt x="2048" y="9242"/>
              </a:lnTo>
              <a:lnTo>
                <a:pt x="1138" y="9242"/>
              </a:lnTo>
              <a:lnTo>
                <a:pt x="0" y="9242"/>
              </a:lnTo>
              <a:lnTo>
                <a:pt x="455" y="9872"/>
              </a:lnTo>
              <a:lnTo>
                <a:pt x="1365" y="10503"/>
              </a:lnTo>
              <a:lnTo>
                <a:pt x="1593" y="11553"/>
              </a:lnTo>
              <a:lnTo>
                <a:pt x="2276" y="11763"/>
              </a:lnTo>
              <a:lnTo>
                <a:pt x="3641" y="11763"/>
              </a:lnTo>
              <a:lnTo>
                <a:pt x="4096" y="12603"/>
              </a:lnTo>
              <a:lnTo>
                <a:pt x="5006" y="14073"/>
              </a:lnTo>
              <a:lnTo>
                <a:pt x="6372" y="13653"/>
              </a:lnTo>
              <a:lnTo>
                <a:pt x="7282" y="13443"/>
              </a:lnTo>
              <a:lnTo>
                <a:pt x="9330" y="14704"/>
              </a:lnTo>
              <a:lnTo>
                <a:pt x="11833" y="16384"/>
              </a:lnTo>
              <a:lnTo>
                <a:pt x="14791" y="14073"/>
              </a:lnTo>
              <a:lnTo>
                <a:pt x="15246" y="12183"/>
              </a:lnTo>
              <a:lnTo>
                <a:pt x="13426" y="10923"/>
              </a:lnTo>
              <a:lnTo>
                <a:pt x="14108" y="10082"/>
              </a:lnTo>
              <a:lnTo>
                <a:pt x="15246" y="10713"/>
              </a:lnTo>
              <a:lnTo>
                <a:pt x="16384" y="5671"/>
              </a:lnTo>
              <a:lnTo>
                <a:pt x="16156" y="5461"/>
              </a:lnTo>
              <a:lnTo>
                <a:pt x="14791" y="8192"/>
              </a:lnTo>
              <a:lnTo>
                <a:pt x="13653" y="7562"/>
              </a:lnTo>
              <a:lnTo>
                <a:pt x="15246" y="5041"/>
              </a:lnTo>
              <a:lnTo>
                <a:pt x="14336" y="4831"/>
              </a:lnTo>
              <a:lnTo>
                <a:pt x="13426" y="7142"/>
              </a:lnTo>
              <a:lnTo>
                <a:pt x="12743" y="6722"/>
              </a:lnTo>
              <a:lnTo>
                <a:pt x="13881" y="4621"/>
              </a:lnTo>
              <a:lnTo>
                <a:pt x="13198" y="4201"/>
              </a:lnTo>
              <a:lnTo>
                <a:pt x="12288" y="5461"/>
              </a:lnTo>
              <a:lnTo>
                <a:pt x="11833" y="5251"/>
              </a:lnTo>
              <a:lnTo>
                <a:pt x="12743" y="3361"/>
              </a:lnTo>
              <a:lnTo>
                <a:pt x="11833" y="3151"/>
              </a:lnTo>
              <a:lnTo>
                <a:pt x="9785" y="5041"/>
              </a:lnTo>
              <a:lnTo>
                <a:pt x="8420" y="4201"/>
              </a:lnTo>
              <a:lnTo>
                <a:pt x="10923" y="3151"/>
              </a:lnTo>
              <a:lnTo>
                <a:pt x="11150" y="2521"/>
              </a:lnTo>
              <a:lnTo>
                <a:pt x="10468" y="2311"/>
              </a:lnTo>
              <a:lnTo>
                <a:pt x="10240" y="2731"/>
              </a:lnTo>
              <a:lnTo>
                <a:pt x="8647" y="2101"/>
              </a:lnTo>
              <a:lnTo>
                <a:pt x="7509" y="3361"/>
              </a:lnTo>
              <a:lnTo>
                <a:pt x="5006" y="1890"/>
              </a:lnTo>
              <a:lnTo>
                <a:pt x="5461" y="420"/>
              </a:lnTo>
              <a:lnTo>
                <a:pt x="4551" y="0"/>
              </a:lnTo>
              <a:lnTo>
                <a:pt x="3186" y="105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83075</xdr:colOff>
      <xdr:row>8</xdr:row>
      <xdr:rowOff>165967</xdr:rowOff>
    </xdr:from>
    <xdr:to>
      <xdr:col>27</xdr:col>
      <xdr:colOff>61249</xdr:colOff>
      <xdr:row>10</xdr:row>
      <xdr:rowOff>49506</xdr:rowOff>
    </xdr:to>
    <xdr:sp macro="" textlink="">
      <xdr:nvSpPr>
        <xdr:cNvPr id="6" name="d14105"/>
        <xdr:cNvSpPr>
          <a:spLocks/>
        </xdr:cNvSpPr>
      </xdr:nvSpPr>
      <xdr:spPr bwMode="auto">
        <a:xfrm>
          <a:off x="19298509" y="3474651"/>
          <a:ext cx="664977" cy="515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16384"/>
            <a:gd name="T148" fmla="*/ 0 h 16384"/>
            <a:gd name="T149" fmla="*/ 16384 w 16384"/>
            <a:gd name="T150" fmla="*/ 16384 h 16384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16384" h="16384">
              <a:moveTo>
                <a:pt x="14682" y="2048"/>
              </a:moveTo>
              <a:lnTo>
                <a:pt x="13831" y="2341"/>
              </a:lnTo>
              <a:lnTo>
                <a:pt x="12980" y="3218"/>
              </a:lnTo>
              <a:lnTo>
                <a:pt x="12341" y="3218"/>
              </a:lnTo>
              <a:lnTo>
                <a:pt x="12128" y="2926"/>
              </a:lnTo>
              <a:lnTo>
                <a:pt x="12341" y="1463"/>
              </a:lnTo>
              <a:lnTo>
                <a:pt x="11277" y="878"/>
              </a:lnTo>
              <a:lnTo>
                <a:pt x="10426" y="0"/>
              </a:lnTo>
              <a:lnTo>
                <a:pt x="9788" y="585"/>
              </a:lnTo>
              <a:lnTo>
                <a:pt x="9150" y="585"/>
              </a:lnTo>
              <a:lnTo>
                <a:pt x="8298" y="585"/>
              </a:lnTo>
              <a:lnTo>
                <a:pt x="6809" y="2926"/>
              </a:lnTo>
              <a:lnTo>
                <a:pt x="5745" y="1755"/>
              </a:lnTo>
              <a:lnTo>
                <a:pt x="4681" y="1463"/>
              </a:lnTo>
              <a:lnTo>
                <a:pt x="4043" y="878"/>
              </a:lnTo>
              <a:lnTo>
                <a:pt x="2979" y="1755"/>
              </a:lnTo>
              <a:lnTo>
                <a:pt x="2341" y="2633"/>
              </a:lnTo>
              <a:lnTo>
                <a:pt x="2128" y="3803"/>
              </a:lnTo>
              <a:lnTo>
                <a:pt x="1915" y="4974"/>
              </a:lnTo>
              <a:lnTo>
                <a:pt x="0" y="5266"/>
              </a:lnTo>
              <a:lnTo>
                <a:pt x="0" y="7022"/>
              </a:lnTo>
              <a:lnTo>
                <a:pt x="426" y="9070"/>
              </a:lnTo>
              <a:lnTo>
                <a:pt x="1064" y="10533"/>
              </a:lnTo>
              <a:lnTo>
                <a:pt x="1489" y="11410"/>
              </a:lnTo>
              <a:lnTo>
                <a:pt x="1915" y="12873"/>
              </a:lnTo>
              <a:lnTo>
                <a:pt x="2979" y="12873"/>
              </a:lnTo>
              <a:lnTo>
                <a:pt x="4256" y="11995"/>
              </a:lnTo>
              <a:lnTo>
                <a:pt x="6171" y="11703"/>
              </a:lnTo>
              <a:lnTo>
                <a:pt x="5958" y="13458"/>
              </a:lnTo>
              <a:lnTo>
                <a:pt x="6809" y="14043"/>
              </a:lnTo>
              <a:lnTo>
                <a:pt x="7447" y="15506"/>
              </a:lnTo>
              <a:lnTo>
                <a:pt x="8511" y="16384"/>
              </a:lnTo>
              <a:lnTo>
                <a:pt x="8086" y="16091"/>
              </a:lnTo>
              <a:lnTo>
                <a:pt x="7873" y="14043"/>
              </a:lnTo>
              <a:lnTo>
                <a:pt x="8298" y="11995"/>
              </a:lnTo>
              <a:lnTo>
                <a:pt x="8298" y="10240"/>
              </a:lnTo>
              <a:lnTo>
                <a:pt x="9362" y="9362"/>
              </a:lnTo>
              <a:lnTo>
                <a:pt x="10639" y="7899"/>
              </a:lnTo>
              <a:lnTo>
                <a:pt x="12128" y="7314"/>
              </a:lnTo>
              <a:lnTo>
                <a:pt x="12980" y="7314"/>
              </a:lnTo>
              <a:lnTo>
                <a:pt x="14043" y="7314"/>
              </a:lnTo>
              <a:lnTo>
                <a:pt x="14895" y="7314"/>
              </a:lnTo>
              <a:lnTo>
                <a:pt x="15533" y="6729"/>
              </a:lnTo>
              <a:lnTo>
                <a:pt x="16171" y="6144"/>
              </a:lnTo>
              <a:lnTo>
                <a:pt x="16384" y="4974"/>
              </a:lnTo>
              <a:lnTo>
                <a:pt x="15958" y="4389"/>
              </a:lnTo>
              <a:lnTo>
                <a:pt x="15958" y="3511"/>
              </a:lnTo>
              <a:lnTo>
                <a:pt x="14895" y="3218"/>
              </a:lnTo>
              <a:lnTo>
                <a:pt x="14682" y="204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478614</xdr:colOff>
      <xdr:row>6</xdr:row>
      <xdr:rowOff>84767</xdr:rowOff>
    </xdr:from>
    <xdr:to>
      <xdr:col>26</xdr:col>
      <xdr:colOff>427920</xdr:colOff>
      <xdr:row>9</xdr:row>
      <xdr:rowOff>32112</xdr:rowOff>
    </xdr:to>
    <xdr:sp macro="" textlink="">
      <xdr:nvSpPr>
        <xdr:cNvPr id="7" name="d14106"/>
        <xdr:cNvSpPr>
          <a:spLocks/>
        </xdr:cNvSpPr>
      </xdr:nvSpPr>
      <xdr:spPr bwMode="auto">
        <a:xfrm>
          <a:off x="19007246" y="2761793"/>
          <a:ext cx="636108" cy="8948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6160" y="7071"/>
              </a:moveTo>
              <a:lnTo>
                <a:pt x="15486" y="7071"/>
              </a:lnTo>
              <a:lnTo>
                <a:pt x="15037" y="7243"/>
              </a:lnTo>
              <a:lnTo>
                <a:pt x="14588" y="6899"/>
              </a:lnTo>
              <a:lnTo>
                <a:pt x="15037" y="5691"/>
              </a:lnTo>
              <a:lnTo>
                <a:pt x="14588" y="4657"/>
              </a:lnTo>
              <a:lnTo>
                <a:pt x="14140" y="3622"/>
              </a:lnTo>
              <a:lnTo>
                <a:pt x="13242" y="4139"/>
              </a:lnTo>
              <a:lnTo>
                <a:pt x="12120" y="4139"/>
              </a:lnTo>
              <a:lnTo>
                <a:pt x="10997" y="4829"/>
              </a:lnTo>
              <a:lnTo>
                <a:pt x="10100" y="5519"/>
              </a:lnTo>
              <a:lnTo>
                <a:pt x="9875" y="6381"/>
              </a:lnTo>
              <a:lnTo>
                <a:pt x="9202" y="5519"/>
              </a:lnTo>
              <a:lnTo>
                <a:pt x="8304" y="4829"/>
              </a:lnTo>
              <a:lnTo>
                <a:pt x="8080" y="3277"/>
              </a:lnTo>
              <a:lnTo>
                <a:pt x="7631" y="2242"/>
              </a:lnTo>
              <a:lnTo>
                <a:pt x="6509" y="1207"/>
              </a:lnTo>
              <a:lnTo>
                <a:pt x="5835" y="517"/>
              </a:lnTo>
              <a:lnTo>
                <a:pt x="5611" y="0"/>
              </a:lnTo>
              <a:lnTo>
                <a:pt x="5162" y="172"/>
              </a:lnTo>
              <a:lnTo>
                <a:pt x="4713" y="862"/>
              </a:lnTo>
              <a:lnTo>
                <a:pt x="4040" y="1552"/>
              </a:lnTo>
              <a:lnTo>
                <a:pt x="3591" y="2070"/>
              </a:lnTo>
              <a:lnTo>
                <a:pt x="3142" y="1897"/>
              </a:lnTo>
              <a:lnTo>
                <a:pt x="3142" y="1035"/>
              </a:lnTo>
              <a:lnTo>
                <a:pt x="2693" y="690"/>
              </a:lnTo>
              <a:lnTo>
                <a:pt x="1796" y="517"/>
              </a:lnTo>
              <a:lnTo>
                <a:pt x="1571" y="345"/>
              </a:lnTo>
              <a:lnTo>
                <a:pt x="1122" y="1035"/>
              </a:lnTo>
              <a:lnTo>
                <a:pt x="898" y="1380"/>
              </a:lnTo>
              <a:lnTo>
                <a:pt x="2020" y="2587"/>
              </a:lnTo>
              <a:lnTo>
                <a:pt x="2918" y="2932"/>
              </a:lnTo>
              <a:lnTo>
                <a:pt x="4489" y="3104"/>
              </a:lnTo>
              <a:lnTo>
                <a:pt x="5162" y="3104"/>
              </a:lnTo>
              <a:lnTo>
                <a:pt x="5162" y="3794"/>
              </a:lnTo>
              <a:lnTo>
                <a:pt x="4264" y="4312"/>
              </a:lnTo>
              <a:lnTo>
                <a:pt x="4938" y="4829"/>
              </a:lnTo>
              <a:lnTo>
                <a:pt x="4264" y="5519"/>
              </a:lnTo>
              <a:lnTo>
                <a:pt x="3591" y="6036"/>
              </a:lnTo>
              <a:lnTo>
                <a:pt x="2244" y="6554"/>
              </a:lnTo>
              <a:lnTo>
                <a:pt x="3142" y="7588"/>
              </a:lnTo>
              <a:lnTo>
                <a:pt x="4264" y="7761"/>
              </a:lnTo>
              <a:lnTo>
                <a:pt x="5387" y="8278"/>
              </a:lnTo>
              <a:lnTo>
                <a:pt x="6060" y="8968"/>
              </a:lnTo>
              <a:lnTo>
                <a:pt x="5835" y="9830"/>
              </a:lnTo>
              <a:lnTo>
                <a:pt x="5611" y="10520"/>
              </a:lnTo>
              <a:lnTo>
                <a:pt x="5387" y="10693"/>
              </a:lnTo>
              <a:lnTo>
                <a:pt x="4040" y="11038"/>
              </a:lnTo>
              <a:lnTo>
                <a:pt x="2918" y="10865"/>
              </a:lnTo>
              <a:lnTo>
                <a:pt x="2244" y="10693"/>
              </a:lnTo>
              <a:lnTo>
                <a:pt x="673" y="11210"/>
              </a:lnTo>
              <a:lnTo>
                <a:pt x="0" y="11555"/>
              </a:lnTo>
              <a:lnTo>
                <a:pt x="224" y="12245"/>
              </a:lnTo>
              <a:lnTo>
                <a:pt x="1122" y="12762"/>
              </a:lnTo>
              <a:lnTo>
                <a:pt x="2244" y="13452"/>
              </a:lnTo>
              <a:lnTo>
                <a:pt x="3591" y="13797"/>
              </a:lnTo>
              <a:lnTo>
                <a:pt x="3367" y="14832"/>
              </a:lnTo>
              <a:lnTo>
                <a:pt x="3815" y="15522"/>
              </a:lnTo>
              <a:lnTo>
                <a:pt x="4938" y="15349"/>
              </a:lnTo>
              <a:lnTo>
                <a:pt x="6284" y="15004"/>
              </a:lnTo>
              <a:lnTo>
                <a:pt x="7182" y="15177"/>
              </a:lnTo>
              <a:lnTo>
                <a:pt x="7631" y="16384"/>
              </a:lnTo>
              <a:lnTo>
                <a:pt x="9651" y="16212"/>
              </a:lnTo>
              <a:lnTo>
                <a:pt x="9875" y="15522"/>
              </a:lnTo>
              <a:lnTo>
                <a:pt x="10100" y="14832"/>
              </a:lnTo>
              <a:lnTo>
                <a:pt x="10773" y="14314"/>
              </a:lnTo>
              <a:lnTo>
                <a:pt x="11895" y="13797"/>
              </a:lnTo>
              <a:lnTo>
                <a:pt x="12569" y="14142"/>
              </a:lnTo>
              <a:lnTo>
                <a:pt x="13691" y="14314"/>
              </a:lnTo>
              <a:lnTo>
                <a:pt x="14813" y="15004"/>
              </a:lnTo>
              <a:lnTo>
                <a:pt x="16384" y="13625"/>
              </a:lnTo>
              <a:lnTo>
                <a:pt x="15935" y="13452"/>
              </a:lnTo>
              <a:lnTo>
                <a:pt x="15486" y="12935"/>
              </a:lnTo>
              <a:lnTo>
                <a:pt x="15486" y="12072"/>
              </a:lnTo>
              <a:lnTo>
                <a:pt x="15711" y="11555"/>
              </a:lnTo>
              <a:lnTo>
                <a:pt x="16160" y="10865"/>
              </a:lnTo>
              <a:lnTo>
                <a:pt x="16160" y="10175"/>
              </a:lnTo>
              <a:lnTo>
                <a:pt x="16384" y="9658"/>
              </a:lnTo>
              <a:lnTo>
                <a:pt x="16160" y="9141"/>
              </a:lnTo>
              <a:lnTo>
                <a:pt x="15935" y="8451"/>
              </a:lnTo>
              <a:lnTo>
                <a:pt x="15711" y="7761"/>
              </a:lnTo>
              <a:lnTo>
                <a:pt x="16160" y="7416"/>
              </a:lnTo>
              <a:lnTo>
                <a:pt x="16160" y="707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52481</xdr:colOff>
      <xdr:row>9</xdr:row>
      <xdr:rowOff>63887</xdr:rowOff>
    </xdr:from>
    <xdr:to>
      <xdr:col>27</xdr:col>
      <xdr:colOff>153673</xdr:colOff>
      <xdr:row>12</xdr:row>
      <xdr:rowOff>87306</xdr:rowOff>
    </xdr:to>
    <xdr:sp macro="" textlink="">
      <xdr:nvSpPr>
        <xdr:cNvPr id="8" name="d14107"/>
        <xdr:cNvSpPr>
          <a:spLocks/>
        </xdr:cNvSpPr>
      </xdr:nvSpPr>
      <xdr:spPr bwMode="auto">
        <a:xfrm>
          <a:off x="19010381" y="3657987"/>
          <a:ext cx="529842" cy="95686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0601" y="0"/>
              </a:moveTo>
              <a:lnTo>
                <a:pt x="9638" y="0"/>
              </a:lnTo>
              <a:lnTo>
                <a:pt x="7951" y="315"/>
              </a:lnTo>
              <a:lnTo>
                <a:pt x="6505" y="1103"/>
              </a:lnTo>
              <a:lnTo>
                <a:pt x="5301" y="1575"/>
              </a:lnTo>
              <a:lnTo>
                <a:pt x="5301" y="2521"/>
              </a:lnTo>
              <a:lnTo>
                <a:pt x="4819" y="3623"/>
              </a:lnTo>
              <a:lnTo>
                <a:pt x="5060" y="4726"/>
              </a:lnTo>
              <a:lnTo>
                <a:pt x="5542" y="4884"/>
              </a:lnTo>
              <a:lnTo>
                <a:pt x="4819" y="5199"/>
              </a:lnTo>
              <a:lnTo>
                <a:pt x="3855" y="5199"/>
              </a:lnTo>
              <a:lnTo>
                <a:pt x="3132" y="5514"/>
              </a:lnTo>
              <a:lnTo>
                <a:pt x="2891" y="5986"/>
              </a:lnTo>
              <a:lnTo>
                <a:pt x="3855" y="6617"/>
              </a:lnTo>
              <a:lnTo>
                <a:pt x="4337" y="6932"/>
              </a:lnTo>
              <a:lnTo>
                <a:pt x="4337" y="8192"/>
              </a:lnTo>
              <a:lnTo>
                <a:pt x="5060" y="8980"/>
              </a:lnTo>
              <a:lnTo>
                <a:pt x="4819" y="9295"/>
              </a:lnTo>
              <a:lnTo>
                <a:pt x="3373" y="9767"/>
              </a:lnTo>
              <a:lnTo>
                <a:pt x="2650" y="9452"/>
              </a:lnTo>
              <a:lnTo>
                <a:pt x="1205" y="9925"/>
              </a:lnTo>
              <a:lnTo>
                <a:pt x="723" y="10713"/>
              </a:lnTo>
              <a:lnTo>
                <a:pt x="964" y="11185"/>
              </a:lnTo>
              <a:lnTo>
                <a:pt x="1928" y="11973"/>
              </a:lnTo>
              <a:lnTo>
                <a:pt x="2650" y="12446"/>
              </a:lnTo>
              <a:lnTo>
                <a:pt x="2891" y="13233"/>
              </a:lnTo>
              <a:lnTo>
                <a:pt x="2168" y="13706"/>
              </a:lnTo>
              <a:lnTo>
                <a:pt x="1687" y="14178"/>
              </a:lnTo>
              <a:lnTo>
                <a:pt x="964" y="14494"/>
              </a:lnTo>
              <a:lnTo>
                <a:pt x="1205" y="14966"/>
              </a:lnTo>
              <a:lnTo>
                <a:pt x="1205" y="15281"/>
              </a:lnTo>
              <a:lnTo>
                <a:pt x="723" y="15596"/>
              </a:lnTo>
              <a:lnTo>
                <a:pt x="0" y="15911"/>
              </a:lnTo>
              <a:lnTo>
                <a:pt x="723" y="16384"/>
              </a:lnTo>
              <a:lnTo>
                <a:pt x="1687" y="16069"/>
              </a:lnTo>
              <a:lnTo>
                <a:pt x="2650" y="16069"/>
              </a:lnTo>
              <a:lnTo>
                <a:pt x="3855" y="16069"/>
              </a:lnTo>
              <a:lnTo>
                <a:pt x="4337" y="15911"/>
              </a:lnTo>
              <a:lnTo>
                <a:pt x="4819" y="15596"/>
              </a:lnTo>
              <a:lnTo>
                <a:pt x="5301" y="15281"/>
              </a:lnTo>
              <a:lnTo>
                <a:pt x="5783" y="14809"/>
              </a:lnTo>
              <a:lnTo>
                <a:pt x="6264" y="14651"/>
              </a:lnTo>
              <a:lnTo>
                <a:pt x="6987" y="14494"/>
              </a:lnTo>
              <a:lnTo>
                <a:pt x="7228" y="14178"/>
              </a:lnTo>
              <a:lnTo>
                <a:pt x="7710" y="13706"/>
              </a:lnTo>
              <a:lnTo>
                <a:pt x="8433" y="13391"/>
              </a:lnTo>
              <a:lnTo>
                <a:pt x="8433" y="13076"/>
              </a:lnTo>
              <a:lnTo>
                <a:pt x="8674" y="12603"/>
              </a:lnTo>
              <a:lnTo>
                <a:pt x="9397" y="12130"/>
              </a:lnTo>
              <a:lnTo>
                <a:pt x="9879" y="11815"/>
              </a:lnTo>
              <a:lnTo>
                <a:pt x="10360" y="11343"/>
              </a:lnTo>
              <a:lnTo>
                <a:pt x="10120" y="11028"/>
              </a:lnTo>
              <a:lnTo>
                <a:pt x="10120" y="10555"/>
              </a:lnTo>
              <a:lnTo>
                <a:pt x="10601" y="10555"/>
              </a:lnTo>
              <a:lnTo>
                <a:pt x="11324" y="10398"/>
              </a:lnTo>
              <a:lnTo>
                <a:pt x="12288" y="9925"/>
              </a:lnTo>
              <a:lnTo>
                <a:pt x="11083" y="9452"/>
              </a:lnTo>
              <a:lnTo>
                <a:pt x="11806" y="9137"/>
              </a:lnTo>
              <a:lnTo>
                <a:pt x="13493" y="8507"/>
              </a:lnTo>
              <a:lnTo>
                <a:pt x="12770" y="7404"/>
              </a:lnTo>
              <a:lnTo>
                <a:pt x="10360" y="7877"/>
              </a:lnTo>
              <a:lnTo>
                <a:pt x="9638" y="6617"/>
              </a:lnTo>
              <a:lnTo>
                <a:pt x="11083" y="5671"/>
              </a:lnTo>
              <a:lnTo>
                <a:pt x="12288" y="5986"/>
              </a:lnTo>
              <a:lnTo>
                <a:pt x="14216" y="5671"/>
              </a:lnTo>
              <a:lnTo>
                <a:pt x="15420" y="5671"/>
              </a:lnTo>
              <a:lnTo>
                <a:pt x="16384" y="5671"/>
              </a:lnTo>
              <a:lnTo>
                <a:pt x="16384" y="4884"/>
              </a:lnTo>
              <a:lnTo>
                <a:pt x="15661" y="4411"/>
              </a:lnTo>
              <a:lnTo>
                <a:pt x="12047" y="4884"/>
              </a:lnTo>
              <a:lnTo>
                <a:pt x="11565" y="3938"/>
              </a:lnTo>
              <a:lnTo>
                <a:pt x="12288" y="3623"/>
              </a:lnTo>
              <a:lnTo>
                <a:pt x="13011" y="4254"/>
              </a:lnTo>
              <a:lnTo>
                <a:pt x="14456" y="3623"/>
              </a:lnTo>
              <a:lnTo>
                <a:pt x="15902" y="3623"/>
              </a:lnTo>
              <a:lnTo>
                <a:pt x="14938" y="2521"/>
              </a:lnTo>
              <a:lnTo>
                <a:pt x="14456" y="1890"/>
              </a:lnTo>
              <a:lnTo>
                <a:pt x="13011" y="1890"/>
              </a:lnTo>
              <a:lnTo>
                <a:pt x="12288" y="1733"/>
              </a:lnTo>
              <a:lnTo>
                <a:pt x="12047" y="945"/>
              </a:lnTo>
              <a:lnTo>
                <a:pt x="11083" y="473"/>
              </a:lnTo>
              <a:lnTo>
                <a:pt x="10601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44781</xdr:colOff>
      <xdr:row>10</xdr:row>
      <xdr:rowOff>241063</xdr:rowOff>
    </xdr:from>
    <xdr:to>
      <xdr:col>27</xdr:col>
      <xdr:colOff>251824</xdr:colOff>
      <xdr:row>14</xdr:row>
      <xdr:rowOff>38493</xdr:rowOff>
    </xdr:to>
    <xdr:sp macro="" textlink="">
      <xdr:nvSpPr>
        <xdr:cNvPr id="9" name="d14108"/>
        <xdr:cNvSpPr>
          <a:spLocks/>
        </xdr:cNvSpPr>
      </xdr:nvSpPr>
      <xdr:spPr bwMode="auto">
        <a:xfrm>
          <a:off x="19002681" y="4146313"/>
          <a:ext cx="635693" cy="104203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w 16384"/>
            <a:gd name="T106" fmla="*/ 0 h 16384"/>
            <a:gd name="T107" fmla="*/ 16384 w 16384"/>
            <a:gd name="T108" fmla="*/ 16384 h 16384"/>
          </a:gdLst>
          <a:ahLst/>
          <a:cxnLst>
            <a:cxn ang="T70">
              <a:pos x="T0" y="T1"/>
            </a:cxn>
            <a:cxn ang="T71">
              <a:pos x="T2" y="T3"/>
            </a:cxn>
            <a:cxn ang="T72">
              <a:pos x="T4" y="T5"/>
            </a:cxn>
            <a:cxn ang="T73">
              <a:pos x="T6" y="T7"/>
            </a:cxn>
            <a:cxn ang="T74">
              <a:pos x="T8" y="T9"/>
            </a:cxn>
            <a:cxn ang="T75">
              <a:pos x="T10" y="T11"/>
            </a:cxn>
            <a:cxn ang="T76">
              <a:pos x="T12" y="T13"/>
            </a:cxn>
            <a:cxn ang="T77">
              <a:pos x="T14" y="T15"/>
            </a:cxn>
            <a:cxn ang="T78">
              <a:pos x="T16" y="T17"/>
            </a:cxn>
            <a:cxn ang="T79">
              <a:pos x="T18" y="T19"/>
            </a:cxn>
            <a:cxn ang="T80">
              <a:pos x="T20" y="T21"/>
            </a:cxn>
            <a:cxn ang="T81">
              <a:pos x="T22" y="T23"/>
            </a:cxn>
            <a:cxn ang="T82">
              <a:pos x="T24" y="T25"/>
            </a:cxn>
            <a:cxn ang="T83">
              <a:pos x="T26" y="T27"/>
            </a:cxn>
            <a:cxn ang="T84">
              <a:pos x="T28" y="T29"/>
            </a:cxn>
            <a:cxn ang="T85">
              <a:pos x="T30" y="T31"/>
            </a:cxn>
            <a:cxn ang="T86">
              <a:pos x="T32" y="T33"/>
            </a:cxn>
            <a:cxn ang="T87">
              <a:pos x="T34" y="T35"/>
            </a:cxn>
            <a:cxn ang="T88">
              <a:pos x="T36" y="T37"/>
            </a:cxn>
            <a:cxn ang="T89">
              <a:pos x="T38" y="T39"/>
            </a:cxn>
            <a:cxn ang="T90">
              <a:pos x="T40" y="T41"/>
            </a:cxn>
            <a:cxn ang="T91">
              <a:pos x="T42" y="T43"/>
            </a:cxn>
            <a:cxn ang="T92">
              <a:pos x="T44" y="T45"/>
            </a:cxn>
            <a:cxn ang="T93">
              <a:pos x="T46" y="T47"/>
            </a:cxn>
            <a:cxn ang="T94">
              <a:pos x="T48" y="T49"/>
            </a:cxn>
            <a:cxn ang="T95">
              <a:pos x="T50" y="T51"/>
            </a:cxn>
            <a:cxn ang="T96">
              <a:pos x="T52" y="T53"/>
            </a:cxn>
            <a:cxn ang="T97">
              <a:pos x="T54" y="T55"/>
            </a:cxn>
            <a:cxn ang="T98">
              <a:pos x="T56" y="T57"/>
            </a:cxn>
            <a:cxn ang="T99">
              <a:pos x="T58" y="T59"/>
            </a:cxn>
            <a:cxn ang="T100">
              <a:pos x="T60" y="T61"/>
            </a:cxn>
            <a:cxn ang="T101">
              <a:pos x="T62" y="T63"/>
            </a:cxn>
            <a:cxn ang="T102">
              <a:pos x="T64" y="T65"/>
            </a:cxn>
            <a:cxn ang="T103">
              <a:pos x="T66" y="T67"/>
            </a:cxn>
            <a:cxn ang="T104">
              <a:pos x="T68" y="T69"/>
            </a:cxn>
          </a:cxnLst>
          <a:rect l="T105" t="T106" r="T107" b="T108"/>
          <a:pathLst>
            <a:path w="16384" h="16384">
              <a:moveTo>
                <a:pt x="10854" y="1595"/>
              </a:moveTo>
              <a:lnTo>
                <a:pt x="10035" y="2030"/>
              </a:lnTo>
              <a:lnTo>
                <a:pt x="9421" y="2175"/>
              </a:lnTo>
              <a:lnTo>
                <a:pt x="9011" y="2175"/>
              </a:lnTo>
              <a:lnTo>
                <a:pt x="9011" y="2610"/>
              </a:lnTo>
              <a:lnTo>
                <a:pt x="9216" y="2900"/>
              </a:lnTo>
              <a:lnTo>
                <a:pt x="8806" y="3335"/>
              </a:lnTo>
              <a:lnTo>
                <a:pt x="8397" y="3625"/>
              </a:lnTo>
              <a:lnTo>
                <a:pt x="7782" y="4060"/>
              </a:lnTo>
              <a:lnTo>
                <a:pt x="7578" y="4495"/>
              </a:lnTo>
              <a:lnTo>
                <a:pt x="7578" y="4785"/>
              </a:lnTo>
              <a:lnTo>
                <a:pt x="6963" y="5075"/>
              </a:lnTo>
              <a:lnTo>
                <a:pt x="6554" y="5510"/>
              </a:lnTo>
              <a:lnTo>
                <a:pt x="6349" y="5800"/>
              </a:lnTo>
              <a:lnTo>
                <a:pt x="5734" y="5945"/>
              </a:lnTo>
              <a:lnTo>
                <a:pt x="5325" y="6090"/>
              </a:lnTo>
              <a:lnTo>
                <a:pt x="4915" y="6525"/>
              </a:lnTo>
              <a:lnTo>
                <a:pt x="4506" y="6815"/>
              </a:lnTo>
              <a:lnTo>
                <a:pt x="4096" y="7105"/>
              </a:lnTo>
              <a:lnTo>
                <a:pt x="3686" y="7250"/>
              </a:lnTo>
              <a:lnTo>
                <a:pt x="2662" y="7250"/>
              </a:lnTo>
              <a:lnTo>
                <a:pt x="1843" y="7250"/>
              </a:lnTo>
              <a:lnTo>
                <a:pt x="1024" y="7540"/>
              </a:lnTo>
              <a:lnTo>
                <a:pt x="1229" y="7975"/>
              </a:lnTo>
              <a:lnTo>
                <a:pt x="1024" y="8409"/>
              </a:lnTo>
              <a:lnTo>
                <a:pt x="205" y="8844"/>
              </a:lnTo>
              <a:lnTo>
                <a:pt x="205" y="9279"/>
              </a:lnTo>
              <a:lnTo>
                <a:pt x="614" y="9859"/>
              </a:lnTo>
              <a:lnTo>
                <a:pt x="410" y="10729"/>
              </a:lnTo>
              <a:lnTo>
                <a:pt x="0" y="11454"/>
              </a:lnTo>
              <a:lnTo>
                <a:pt x="614" y="12034"/>
              </a:lnTo>
              <a:lnTo>
                <a:pt x="410" y="12759"/>
              </a:lnTo>
              <a:lnTo>
                <a:pt x="410" y="13339"/>
              </a:lnTo>
              <a:lnTo>
                <a:pt x="1024" y="13629"/>
              </a:lnTo>
              <a:lnTo>
                <a:pt x="1638" y="14064"/>
              </a:lnTo>
              <a:lnTo>
                <a:pt x="1434" y="14644"/>
              </a:lnTo>
              <a:lnTo>
                <a:pt x="1843" y="15224"/>
              </a:lnTo>
              <a:lnTo>
                <a:pt x="3072" y="15804"/>
              </a:lnTo>
              <a:lnTo>
                <a:pt x="4096" y="15659"/>
              </a:lnTo>
              <a:lnTo>
                <a:pt x="4506" y="16094"/>
              </a:lnTo>
              <a:lnTo>
                <a:pt x="5325" y="16384"/>
              </a:lnTo>
              <a:lnTo>
                <a:pt x="6349" y="15949"/>
              </a:lnTo>
              <a:lnTo>
                <a:pt x="6554" y="15514"/>
              </a:lnTo>
              <a:lnTo>
                <a:pt x="8192" y="15514"/>
              </a:lnTo>
              <a:lnTo>
                <a:pt x="9216" y="15224"/>
              </a:lnTo>
              <a:lnTo>
                <a:pt x="9626" y="14789"/>
              </a:lnTo>
              <a:lnTo>
                <a:pt x="10240" y="14064"/>
              </a:lnTo>
              <a:lnTo>
                <a:pt x="11059" y="13774"/>
              </a:lnTo>
              <a:lnTo>
                <a:pt x="11469" y="14354"/>
              </a:lnTo>
              <a:lnTo>
                <a:pt x="12493" y="13194"/>
              </a:lnTo>
              <a:lnTo>
                <a:pt x="11674" y="12759"/>
              </a:lnTo>
              <a:lnTo>
                <a:pt x="11264" y="12324"/>
              </a:lnTo>
              <a:lnTo>
                <a:pt x="11059" y="11454"/>
              </a:lnTo>
              <a:lnTo>
                <a:pt x="10650" y="10729"/>
              </a:lnTo>
              <a:lnTo>
                <a:pt x="11469" y="10149"/>
              </a:lnTo>
              <a:lnTo>
                <a:pt x="12083" y="10149"/>
              </a:lnTo>
              <a:lnTo>
                <a:pt x="13312" y="9134"/>
              </a:lnTo>
              <a:lnTo>
                <a:pt x="14950" y="10149"/>
              </a:lnTo>
              <a:lnTo>
                <a:pt x="16179" y="9279"/>
              </a:lnTo>
              <a:lnTo>
                <a:pt x="16179" y="7540"/>
              </a:lnTo>
              <a:lnTo>
                <a:pt x="15360" y="6815"/>
              </a:lnTo>
              <a:lnTo>
                <a:pt x="14950" y="5220"/>
              </a:lnTo>
              <a:lnTo>
                <a:pt x="15360" y="4350"/>
              </a:lnTo>
              <a:lnTo>
                <a:pt x="16384" y="4205"/>
              </a:lnTo>
              <a:lnTo>
                <a:pt x="15770" y="2465"/>
              </a:lnTo>
              <a:lnTo>
                <a:pt x="14950" y="3045"/>
              </a:lnTo>
              <a:lnTo>
                <a:pt x="13926" y="2465"/>
              </a:lnTo>
              <a:lnTo>
                <a:pt x="16384" y="725"/>
              </a:lnTo>
              <a:lnTo>
                <a:pt x="14950" y="0"/>
              </a:lnTo>
              <a:lnTo>
                <a:pt x="12083" y="1595"/>
              </a:lnTo>
              <a:lnTo>
                <a:pt x="10854" y="159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04367</xdr:colOff>
      <xdr:row>3</xdr:row>
      <xdr:rowOff>542452</xdr:rowOff>
    </xdr:from>
    <xdr:to>
      <xdr:col>27</xdr:col>
      <xdr:colOff>307638</xdr:colOff>
      <xdr:row>6</xdr:row>
      <xdr:rowOff>166099</xdr:rowOff>
    </xdr:to>
    <xdr:sp macro="" textlink="">
      <xdr:nvSpPr>
        <xdr:cNvPr id="10" name="d14109"/>
        <xdr:cNvSpPr>
          <a:spLocks/>
        </xdr:cNvSpPr>
      </xdr:nvSpPr>
      <xdr:spPr bwMode="auto">
        <a:xfrm>
          <a:off x="18962267" y="1850552"/>
          <a:ext cx="731921" cy="976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2423" y="12795"/>
              </a:moveTo>
              <a:lnTo>
                <a:pt x="12063" y="12327"/>
              </a:lnTo>
              <a:lnTo>
                <a:pt x="11883" y="12015"/>
              </a:lnTo>
              <a:lnTo>
                <a:pt x="11703" y="11079"/>
              </a:lnTo>
              <a:lnTo>
                <a:pt x="11883" y="10455"/>
              </a:lnTo>
              <a:lnTo>
                <a:pt x="12783" y="9986"/>
              </a:lnTo>
              <a:lnTo>
                <a:pt x="12963" y="9674"/>
              </a:lnTo>
              <a:lnTo>
                <a:pt x="12963" y="8894"/>
              </a:lnTo>
              <a:lnTo>
                <a:pt x="13503" y="8894"/>
              </a:lnTo>
              <a:lnTo>
                <a:pt x="13863" y="8426"/>
              </a:lnTo>
              <a:lnTo>
                <a:pt x="14043" y="7490"/>
              </a:lnTo>
              <a:lnTo>
                <a:pt x="13863" y="6866"/>
              </a:lnTo>
              <a:lnTo>
                <a:pt x="14043" y="6242"/>
              </a:lnTo>
              <a:lnTo>
                <a:pt x="15124" y="5617"/>
              </a:lnTo>
              <a:lnTo>
                <a:pt x="15664" y="5305"/>
              </a:lnTo>
              <a:lnTo>
                <a:pt x="15664" y="4681"/>
              </a:lnTo>
              <a:lnTo>
                <a:pt x="16384" y="2028"/>
              </a:lnTo>
              <a:lnTo>
                <a:pt x="15664" y="1560"/>
              </a:lnTo>
              <a:lnTo>
                <a:pt x="14944" y="1248"/>
              </a:lnTo>
              <a:lnTo>
                <a:pt x="14404" y="780"/>
              </a:lnTo>
              <a:lnTo>
                <a:pt x="13503" y="936"/>
              </a:lnTo>
              <a:lnTo>
                <a:pt x="12243" y="936"/>
              </a:lnTo>
              <a:lnTo>
                <a:pt x="10983" y="312"/>
              </a:lnTo>
              <a:lnTo>
                <a:pt x="9542" y="0"/>
              </a:lnTo>
              <a:lnTo>
                <a:pt x="9002" y="312"/>
              </a:lnTo>
              <a:lnTo>
                <a:pt x="8282" y="156"/>
              </a:lnTo>
              <a:lnTo>
                <a:pt x="7022" y="624"/>
              </a:lnTo>
              <a:lnTo>
                <a:pt x="7022" y="1560"/>
              </a:lnTo>
              <a:lnTo>
                <a:pt x="6302" y="2497"/>
              </a:lnTo>
              <a:lnTo>
                <a:pt x="5221" y="2653"/>
              </a:lnTo>
              <a:lnTo>
                <a:pt x="4681" y="3901"/>
              </a:lnTo>
              <a:lnTo>
                <a:pt x="4501" y="4993"/>
              </a:lnTo>
              <a:lnTo>
                <a:pt x="3961" y="5305"/>
              </a:lnTo>
              <a:lnTo>
                <a:pt x="3421" y="5461"/>
              </a:lnTo>
              <a:lnTo>
                <a:pt x="3421" y="6866"/>
              </a:lnTo>
              <a:lnTo>
                <a:pt x="3961" y="7022"/>
              </a:lnTo>
              <a:lnTo>
                <a:pt x="4141" y="7958"/>
              </a:lnTo>
              <a:lnTo>
                <a:pt x="4861" y="8894"/>
              </a:lnTo>
              <a:lnTo>
                <a:pt x="4681" y="10455"/>
              </a:lnTo>
              <a:lnTo>
                <a:pt x="3241" y="10455"/>
              </a:lnTo>
              <a:lnTo>
                <a:pt x="3061" y="10923"/>
              </a:lnTo>
              <a:lnTo>
                <a:pt x="2701" y="11079"/>
              </a:lnTo>
              <a:lnTo>
                <a:pt x="900" y="11079"/>
              </a:lnTo>
              <a:lnTo>
                <a:pt x="900" y="11703"/>
              </a:lnTo>
              <a:lnTo>
                <a:pt x="720" y="12171"/>
              </a:lnTo>
              <a:lnTo>
                <a:pt x="540" y="12639"/>
              </a:lnTo>
              <a:lnTo>
                <a:pt x="0" y="13263"/>
              </a:lnTo>
              <a:lnTo>
                <a:pt x="360" y="13107"/>
              </a:lnTo>
              <a:lnTo>
                <a:pt x="1440" y="13107"/>
              </a:lnTo>
              <a:lnTo>
                <a:pt x="1260" y="13575"/>
              </a:lnTo>
              <a:lnTo>
                <a:pt x="1980" y="13887"/>
              </a:lnTo>
              <a:lnTo>
                <a:pt x="2701" y="14043"/>
              </a:lnTo>
              <a:lnTo>
                <a:pt x="3421" y="14199"/>
              </a:lnTo>
              <a:lnTo>
                <a:pt x="4321" y="14356"/>
              </a:lnTo>
              <a:lnTo>
                <a:pt x="4681" y="14199"/>
              </a:lnTo>
              <a:lnTo>
                <a:pt x="5041" y="13887"/>
              </a:lnTo>
              <a:lnTo>
                <a:pt x="5581" y="13887"/>
              </a:lnTo>
              <a:lnTo>
                <a:pt x="5941" y="14512"/>
              </a:lnTo>
              <a:lnTo>
                <a:pt x="5581" y="15136"/>
              </a:lnTo>
              <a:lnTo>
                <a:pt x="5761" y="15448"/>
              </a:lnTo>
              <a:lnTo>
                <a:pt x="6482" y="15448"/>
              </a:lnTo>
              <a:lnTo>
                <a:pt x="7382" y="15448"/>
              </a:lnTo>
              <a:lnTo>
                <a:pt x="7742" y="15916"/>
              </a:lnTo>
              <a:lnTo>
                <a:pt x="8282" y="16072"/>
              </a:lnTo>
              <a:lnTo>
                <a:pt x="9182" y="16384"/>
              </a:lnTo>
              <a:lnTo>
                <a:pt x="9542" y="16228"/>
              </a:lnTo>
              <a:lnTo>
                <a:pt x="10082" y="15916"/>
              </a:lnTo>
              <a:lnTo>
                <a:pt x="10443" y="15604"/>
              </a:lnTo>
              <a:lnTo>
                <a:pt x="11163" y="15760"/>
              </a:lnTo>
              <a:lnTo>
                <a:pt x="11703" y="15604"/>
              </a:lnTo>
              <a:lnTo>
                <a:pt x="11883" y="14824"/>
              </a:lnTo>
              <a:lnTo>
                <a:pt x="11883" y="13887"/>
              </a:lnTo>
              <a:lnTo>
                <a:pt x="12063" y="13107"/>
              </a:lnTo>
              <a:lnTo>
                <a:pt x="12423" y="1279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34780</xdr:colOff>
      <xdr:row>8</xdr:row>
      <xdr:rowOff>99839</xdr:rowOff>
    </xdr:from>
    <xdr:to>
      <xdr:col>26</xdr:col>
      <xdr:colOff>115839</xdr:colOff>
      <xdr:row>12</xdr:row>
      <xdr:rowOff>60196</xdr:rowOff>
    </xdr:to>
    <xdr:sp macro="" textlink="">
      <xdr:nvSpPr>
        <xdr:cNvPr id="11" name="d14110"/>
        <xdr:cNvSpPr>
          <a:spLocks/>
        </xdr:cNvSpPr>
      </xdr:nvSpPr>
      <xdr:spPr bwMode="auto">
        <a:xfrm>
          <a:off x="18035380" y="3382789"/>
          <a:ext cx="838359" cy="120495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w 16384"/>
            <a:gd name="T145" fmla="*/ 0 h 16384"/>
            <a:gd name="T146" fmla="*/ 16384 w 16384"/>
            <a:gd name="T147" fmla="*/ 16384 h 16384"/>
          </a:gdLst>
          <a:ahLst/>
          <a:cxnLst>
            <a:cxn ang="T96">
              <a:pos x="T0" y="T1"/>
            </a:cxn>
            <a:cxn ang="T97">
              <a:pos x="T2" y="T3"/>
            </a:cxn>
            <a:cxn ang="T98">
              <a:pos x="T4" y="T5"/>
            </a:cxn>
            <a:cxn ang="T99">
              <a:pos x="T6" y="T7"/>
            </a:cxn>
            <a:cxn ang="T100">
              <a:pos x="T8" y="T9"/>
            </a:cxn>
            <a:cxn ang="T101">
              <a:pos x="T10" y="T11"/>
            </a:cxn>
            <a:cxn ang="T102">
              <a:pos x="T12" y="T13"/>
            </a:cxn>
            <a:cxn ang="T103">
              <a:pos x="T14" y="T15"/>
            </a:cxn>
            <a:cxn ang="T104">
              <a:pos x="T16" y="T17"/>
            </a:cxn>
            <a:cxn ang="T105">
              <a:pos x="T18" y="T19"/>
            </a:cxn>
            <a:cxn ang="T106">
              <a:pos x="T20" y="T21"/>
            </a:cxn>
            <a:cxn ang="T107">
              <a:pos x="T22" y="T23"/>
            </a:cxn>
            <a:cxn ang="T108">
              <a:pos x="T24" y="T25"/>
            </a:cxn>
            <a:cxn ang="T109">
              <a:pos x="T26" y="T27"/>
            </a:cxn>
            <a:cxn ang="T110">
              <a:pos x="T28" y="T29"/>
            </a:cxn>
            <a:cxn ang="T111">
              <a:pos x="T30" y="T31"/>
            </a:cxn>
            <a:cxn ang="T112">
              <a:pos x="T32" y="T33"/>
            </a:cxn>
            <a:cxn ang="T113">
              <a:pos x="T34" y="T35"/>
            </a:cxn>
            <a:cxn ang="T114">
              <a:pos x="T36" y="T37"/>
            </a:cxn>
            <a:cxn ang="T115">
              <a:pos x="T38" y="T39"/>
            </a:cxn>
            <a:cxn ang="T116">
              <a:pos x="T40" y="T41"/>
            </a:cxn>
            <a:cxn ang="T117">
              <a:pos x="T42" y="T43"/>
            </a:cxn>
            <a:cxn ang="T118">
              <a:pos x="T44" y="T45"/>
            </a:cxn>
            <a:cxn ang="T119">
              <a:pos x="T46" y="T47"/>
            </a:cxn>
            <a:cxn ang="T120">
              <a:pos x="T48" y="T49"/>
            </a:cxn>
            <a:cxn ang="T121">
              <a:pos x="T50" y="T51"/>
            </a:cxn>
            <a:cxn ang="T122">
              <a:pos x="T52" y="T53"/>
            </a:cxn>
            <a:cxn ang="T123">
              <a:pos x="T54" y="T55"/>
            </a:cxn>
            <a:cxn ang="T124">
              <a:pos x="T56" y="T57"/>
            </a:cxn>
            <a:cxn ang="T125">
              <a:pos x="T58" y="T59"/>
            </a:cxn>
            <a:cxn ang="T126">
              <a:pos x="T60" y="T61"/>
            </a:cxn>
            <a:cxn ang="T127">
              <a:pos x="T62" y="T63"/>
            </a:cxn>
            <a:cxn ang="T128">
              <a:pos x="T64" y="T65"/>
            </a:cxn>
            <a:cxn ang="T129">
              <a:pos x="T66" y="T67"/>
            </a:cxn>
            <a:cxn ang="T130">
              <a:pos x="T68" y="T69"/>
            </a:cxn>
            <a:cxn ang="T131">
              <a:pos x="T70" y="T71"/>
            </a:cxn>
            <a:cxn ang="T132">
              <a:pos x="T72" y="T73"/>
            </a:cxn>
            <a:cxn ang="T133">
              <a:pos x="T74" y="T75"/>
            </a:cxn>
            <a:cxn ang="T134">
              <a:pos x="T76" y="T77"/>
            </a:cxn>
            <a:cxn ang="T135">
              <a:pos x="T78" y="T79"/>
            </a:cxn>
            <a:cxn ang="T136">
              <a:pos x="T80" y="T81"/>
            </a:cxn>
            <a:cxn ang="T137">
              <a:pos x="T82" y="T83"/>
            </a:cxn>
            <a:cxn ang="T138">
              <a:pos x="T84" y="T85"/>
            </a:cxn>
            <a:cxn ang="T139">
              <a:pos x="T86" y="T87"/>
            </a:cxn>
            <a:cxn ang="T140">
              <a:pos x="T88" y="T89"/>
            </a:cxn>
            <a:cxn ang="T141">
              <a:pos x="T90" y="T91"/>
            </a:cxn>
            <a:cxn ang="T142">
              <a:pos x="T92" y="T93"/>
            </a:cxn>
            <a:cxn ang="T143">
              <a:pos x="T94" y="T95"/>
            </a:cxn>
          </a:cxnLst>
          <a:rect l="T144" t="T145" r="T146" b="T147"/>
          <a:pathLst>
            <a:path w="16384" h="16384">
              <a:moveTo>
                <a:pt x="16083" y="3127"/>
              </a:moveTo>
              <a:lnTo>
                <a:pt x="15783" y="2251"/>
              </a:lnTo>
              <a:lnTo>
                <a:pt x="15182" y="2126"/>
              </a:lnTo>
              <a:lnTo>
                <a:pt x="14280" y="2376"/>
              </a:lnTo>
              <a:lnTo>
                <a:pt x="13528" y="2501"/>
              </a:lnTo>
              <a:lnTo>
                <a:pt x="13227" y="2001"/>
              </a:lnTo>
              <a:lnTo>
                <a:pt x="13378" y="1251"/>
              </a:lnTo>
              <a:lnTo>
                <a:pt x="12476" y="1001"/>
              </a:lnTo>
              <a:lnTo>
                <a:pt x="11724" y="500"/>
              </a:lnTo>
              <a:lnTo>
                <a:pt x="11123" y="125"/>
              </a:lnTo>
              <a:lnTo>
                <a:pt x="10822" y="625"/>
              </a:lnTo>
              <a:lnTo>
                <a:pt x="10221" y="625"/>
              </a:lnTo>
              <a:lnTo>
                <a:pt x="9620" y="1001"/>
              </a:lnTo>
              <a:lnTo>
                <a:pt x="9319" y="1001"/>
              </a:lnTo>
              <a:lnTo>
                <a:pt x="9019" y="375"/>
              </a:lnTo>
              <a:lnTo>
                <a:pt x="8417" y="0"/>
              </a:lnTo>
              <a:lnTo>
                <a:pt x="7516" y="875"/>
              </a:lnTo>
              <a:lnTo>
                <a:pt x="8267" y="1251"/>
              </a:lnTo>
              <a:lnTo>
                <a:pt x="8117" y="2251"/>
              </a:lnTo>
              <a:lnTo>
                <a:pt x="7365" y="2501"/>
              </a:lnTo>
              <a:lnTo>
                <a:pt x="7967" y="3252"/>
              </a:lnTo>
              <a:lnTo>
                <a:pt x="7666" y="4377"/>
              </a:lnTo>
              <a:lnTo>
                <a:pt x="7816" y="5253"/>
              </a:lnTo>
              <a:lnTo>
                <a:pt x="7215" y="5753"/>
              </a:lnTo>
              <a:lnTo>
                <a:pt x="6914" y="6379"/>
              </a:lnTo>
              <a:lnTo>
                <a:pt x="6313" y="6754"/>
              </a:lnTo>
              <a:lnTo>
                <a:pt x="6313" y="8380"/>
              </a:lnTo>
              <a:lnTo>
                <a:pt x="4810" y="8380"/>
              </a:lnTo>
              <a:lnTo>
                <a:pt x="4359" y="9005"/>
              </a:lnTo>
              <a:lnTo>
                <a:pt x="4058" y="9255"/>
              </a:lnTo>
              <a:lnTo>
                <a:pt x="3908" y="10381"/>
              </a:lnTo>
              <a:lnTo>
                <a:pt x="2706" y="10381"/>
              </a:lnTo>
              <a:lnTo>
                <a:pt x="2255" y="10131"/>
              </a:lnTo>
              <a:lnTo>
                <a:pt x="1804" y="10631"/>
              </a:lnTo>
              <a:lnTo>
                <a:pt x="1954" y="11131"/>
              </a:lnTo>
              <a:lnTo>
                <a:pt x="1202" y="10881"/>
              </a:lnTo>
              <a:lnTo>
                <a:pt x="752" y="11256"/>
              </a:lnTo>
              <a:lnTo>
                <a:pt x="0" y="11131"/>
              </a:lnTo>
              <a:lnTo>
                <a:pt x="301" y="11882"/>
              </a:lnTo>
              <a:lnTo>
                <a:pt x="902" y="12132"/>
              </a:lnTo>
              <a:lnTo>
                <a:pt x="1353" y="12507"/>
              </a:lnTo>
              <a:lnTo>
                <a:pt x="1653" y="13132"/>
              </a:lnTo>
              <a:lnTo>
                <a:pt x="1503" y="13507"/>
              </a:lnTo>
              <a:lnTo>
                <a:pt x="902" y="13883"/>
              </a:lnTo>
              <a:lnTo>
                <a:pt x="601" y="14508"/>
              </a:lnTo>
              <a:lnTo>
                <a:pt x="301" y="15258"/>
              </a:lnTo>
              <a:lnTo>
                <a:pt x="150" y="16134"/>
              </a:lnTo>
              <a:lnTo>
                <a:pt x="1052" y="16384"/>
              </a:lnTo>
              <a:lnTo>
                <a:pt x="1804" y="16259"/>
              </a:lnTo>
              <a:lnTo>
                <a:pt x="1954" y="15884"/>
              </a:lnTo>
              <a:lnTo>
                <a:pt x="2706" y="15509"/>
              </a:lnTo>
              <a:lnTo>
                <a:pt x="3157" y="14508"/>
              </a:lnTo>
              <a:lnTo>
                <a:pt x="4209" y="15258"/>
              </a:lnTo>
              <a:lnTo>
                <a:pt x="5261" y="15634"/>
              </a:lnTo>
              <a:lnTo>
                <a:pt x="6463" y="16009"/>
              </a:lnTo>
              <a:lnTo>
                <a:pt x="6313" y="14758"/>
              </a:lnTo>
              <a:lnTo>
                <a:pt x="5862" y="14008"/>
              </a:lnTo>
              <a:lnTo>
                <a:pt x="6463" y="13883"/>
              </a:lnTo>
              <a:lnTo>
                <a:pt x="6914" y="13883"/>
              </a:lnTo>
              <a:lnTo>
                <a:pt x="6614" y="13382"/>
              </a:lnTo>
              <a:lnTo>
                <a:pt x="6463" y="13132"/>
              </a:lnTo>
              <a:lnTo>
                <a:pt x="6012" y="12882"/>
              </a:lnTo>
              <a:lnTo>
                <a:pt x="6313" y="12382"/>
              </a:lnTo>
              <a:lnTo>
                <a:pt x="6914" y="12757"/>
              </a:lnTo>
              <a:lnTo>
                <a:pt x="7666" y="12757"/>
              </a:lnTo>
              <a:lnTo>
                <a:pt x="7816" y="13007"/>
              </a:lnTo>
              <a:lnTo>
                <a:pt x="8417" y="13132"/>
              </a:lnTo>
              <a:lnTo>
                <a:pt x="8718" y="12257"/>
              </a:lnTo>
              <a:lnTo>
                <a:pt x="9019" y="12382"/>
              </a:lnTo>
              <a:lnTo>
                <a:pt x="9770" y="12757"/>
              </a:lnTo>
              <a:lnTo>
                <a:pt x="11123" y="12882"/>
              </a:lnTo>
              <a:lnTo>
                <a:pt x="11273" y="12757"/>
              </a:lnTo>
              <a:lnTo>
                <a:pt x="11574" y="12132"/>
              </a:lnTo>
              <a:lnTo>
                <a:pt x="11875" y="11882"/>
              </a:lnTo>
              <a:lnTo>
                <a:pt x="12326" y="11631"/>
              </a:lnTo>
              <a:lnTo>
                <a:pt x="12777" y="11131"/>
              </a:lnTo>
              <a:lnTo>
                <a:pt x="13378" y="10506"/>
              </a:lnTo>
              <a:lnTo>
                <a:pt x="13678" y="9880"/>
              </a:lnTo>
              <a:lnTo>
                <a:pt x="13227" y="9005"/>
              </a:lnTo>
              <a:lnTo>
                <a:pt x="12777" y="8630"/>
              </a:lnTo>
              <a:lnTo>
                <a:pt x="12927" y="7629"/>
              </a:lnTo>
              <a:lnTo>
                <a:pt x="12476" y="7254"/>
              </a:lnTo>
              <a:lnTo>
                <a:pt x="12476" y="6253"/>
              </a:lnTo>
              <a:lnTo>
                <a:pt x="12777" y="6128"/>
              </a:lnTo>
              <a:lnTo>
                <a:pt x="13378" y="5628"/>
              </a:lnTo>
              <a:lnTo>
                <a:pt x="13378" y="5253"/>
              </a:lnTo>
              <a:lnTo>
                <a:pt x="14129" y="5128"/>
              </a:lnTo>
              <a:lnTo>
                <a:pt x="14430" y="5503"/>
              </a:lnTo>
              <a:lnTo>
                <a:pt x="15182" y="5878"/>
              </a:lnTo>
              <a:lnTo>
                <a:pt x="15182" y="5753"/>
              </a:lnTo>
              <a:lnTo>
                <a:pt x="15332" y="5128"/>
              </a:lnTo>
              <a:lnTo>
                <a:pt x="15482" y="5128"/>
              </a:lnTo>
              <a:lnTo>
                <a:pt x="15783" y="5003"/>
              </a:lnTo>
              <a:lnTo>
                <a:pt x="16384" y="4753"/>
              </a:lnTo>
              <a:lnTo>
                <a:pt x="16083" y="3877"/>
              </a:lnTo>
              <a:lnTo>
                <a:pt x="16083" y="312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88588</xdr:colOff>
      <xdr:row>4</xdr:row>
      <xdr:rowOff>147265</xdr:rowOff>
    </xdr:from>
    <xdr:to>
      <xdr:col>26</xdr:col>
      <xdr:colOff>242858</xdr:colOff>
      <xdr:row>6</xdr:row>
      <xdr:rowOff>175763</xdr:rowOff>
    </xdr:to>
    <xdr:sp macro="" textlink="">
      <xdr:nvSpPr>
        <xdr:cNvPr id="14" name="d14113"/>
        <xdr:cNvSpPr>
          <a:spLocks/>
        </xdr:cNvSpPr>
      </xdr:nvSpPr>
      <xdr:spPr bwMode="auto">
        <a:xfrm>
          <a:off x="17989188" y="2185615"/>
          <a:ext cx="1011570" cy="65079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w 16384"/>
            <a:gd name="T118" fmla="*/ 0 h 16384"/>
            <a:gd name="T119" fmla="*/ 16384 w 16384"/>
            <a:gd name="T120" fmla="*/ 16384 h 16384"/>
          </a:gdLst>
          <a:ahLst/>
          <a:cxnLst>
            <a:cxn ang="T78">
              <a:pos x="T0" y="T1"/>
            </a:cxn>
            <a:cxn ang="T79">
              <a:pos x="T2" y="T3"/>
            </a:cxn>
            <a:cxn ang="T80">
              <a:pos x="T4" y="T5"/>
            </a:cxn>
            <a:cxn ang="T81">
              <a:pos x="T6" y="T7"/>
            </a:cxn>
            <a:cxn ang="T82">
              <a:pos x="T8" y="T9"/>
            </a:cxn>
            <a:cxn ang="T83">
              <a:pos x="T10" y="T11"/>
            </a:cxn>
            <a:cxn ang="T84">
              <a:pos x="T12" y="T13"/>
            </a:cxn>
            <a:cxn ang="T85">
              <a:pos x="T14" y="T15"/>
            </a:cxn>
            <a:cxn ang="T86">
              <a:pos x="T16" y="T17"/>
            </a:cxn>
            <a:cxn ang="T87">
              <a:pos x="T18" y="T19"/>
            </a:cxn>
            <a:cxn ang="T88">
              <a:pos x="T20" y="T21"/>
            </a:cxn>
            <a:cxn ang="T89">
              <a:pos x="T22" y="T23"/>
            </a:cxn>
            <a:cxn ang="T90">
              <a:pos x="T24" y="T25"/>
            </a:cxn>
            <a:cxn ang="T91">
              <a:pos x="T26" y="T27"/>
            </a:cxn>
            <a:cxn ang="T92">
              <a:pos x="T28" y="T29"/>
            </a:cxn>
            <a:cxn ang="T93">
              <a:pos x="T30" y="T31"/>
            </a:cxn>
            <a:cxn ang="T94">
              <a:pos x="T32" y="T33"/>
            </a:cxn>
            <a:cxn ang="T95">
              <a:pos x="T34" y="T35"/>
            </a:cxn>
            <a:cxn ang="T96">
              <a:pos x="T36" y="T37"/>
            </a:cxn>
            <a:cxn ang="T97">
              <a:pos x="T38" y="T39"/>
            </a:cxn>
            <a:cxn ang="T98">
              <a:pos x="T40" y="T41"/>
            </a:cxn>
            <a:cxn ang="T99">
              <a:pos x="T42" y="T43"/>
            </a:cxn>
            <a:cxn ang="T100">
              <a:pos x="T44" y="T45"/>
            </a:cxn>
            <a:cxn ang="T101">
              <a:pos x="T46" y="T47"/>
            </a:cxn>
            <a:cxn ang="T102">
              <a:pos x="T48" y="T49"/>
            </a:cxn>
            <a:cxn ang="T103">
              <a:pos x="T50" y="T51"/>
            </a:cxn>
            <a:cxn ang="T104">
              <a:pos x="T52" y="T53"/>
            </a:cxn>
            <a:cxn ang="T105">
              <a:pos x="T54" y="T55"/>
            </a:cxn>
            <a:cxn ang="T106">
              <a:pos x="T56" y="T57"/>
            </a:cxn>
            <a:cxn ang="T107">
              <a:pos x="T58" y="T59"/>
            </a:cxn>
            <a:cxn ang="T108">
              <a:pos x="T60" y="T61"/>
            </a:cxn>
            <a:cxn ang="T109">
              <a:pos x="T62" y="T63"/>
            </a:cxn>
            <a:cxn ang="T110">
              <a:pos x="T64" y="T65"/>
            </a:cxn>
            <a:cxn ang="T111">
              <a:pos x="T66" y="T67"/>
            </a:cxn>
            <a:cxn ang="T112">
              <a:pos x="T68" y="T69"/>
            </a:cxn>
            <a:cxn ang="T113">
              <a:pos x="T70" y="T71"/>
            </a:cxn>
            <a:cxn ang="T114">
              <a:pos x="T72" y="T73"/>
            </a:cxn>
            <a:cxn ang="T115">
              <a:pos x="T74" y="T75"/>
            </a:cxn>
            <a:cxn ang="T116">
              <a:pos x="T76" y="T77"/>
            </a:cxn>
          </a:cxnLst>
          <a:rect l="T117" t="T118" r="T119" b="T120"/>
          <a:pathLst>
            <a:path w="16384" h="16384">
              <a:moveTo>
                <a:pt x="889" y="0"/>
              </a:moveTo>
              <a:lnTo>
                <a:pt x="762" y="1170"/>
              </a:lnTo>
              <a:lnTo>
                <a:pt x="1270" y="2575"/>
              </a:lnTo>
              <a:lnTo>
                <a:pt x="889" y="4681"/>
              </a:lnTo>
              <a:lnTo>
                <a:pt x="889" y="5851"/>
              </a:lnTo>
              <a:lnTo>
                <a:pt x="508" y="6788"/>
              </a:lnTo>
              <a:lnTo>
                <a:pt x="381" y="7724"/>
              </a:lnTo>
              <a:lnTo>
                <a:pt x="0" y="9128"/>
              </a:lnTo>
              <a:lnTo>
                <a:pt x="635" y="10533"/>
              </a:lnTo>
              <a:lnTo>
                <a:pt x="635" y="11235"/>
              </a:lnTo>
              <a:lnTo>
                <a:pt x="1143" y="12171"/>
              </a:lnTo>
              <a:lnTo>
                <a:pt x="1270" y="11937"/>
              </a:lnTo>
              <a:lnTo>
                <a:pt x="1397" y="11235"/>
              </a:lnTo>
              <a:lnTo>
                <a:pt x="1778" y="10533"/>
              </a:lnTo>
              <a:lnTo>
                <a:pt x="2286" y="10064"/>
              </a:lnTo>
              <a:lnTo>
                <a:pt x="2667" y="9596"/>
              </a:lnTo>
              <a:lnTo>
                <a:pt x="3302" y="9596"/>
              </a:lnTo>
              <a:lnTo>
                <a:pt x="3810" y="10064"/>
              </a:lnTo>
              <a:lnTo>
                <a:pt x="3937" y="10767"/>
              </a:lnTo>
              <a:lnTo>
                <a:pt x="3937" y="11469"/>
              </a:lnTo>
              <a:lnTo>
                <a:pt x="4318" y="11937"/>
              </a:lnTo>
              <a:lnTo>
                <a:pt x="4699" y="12405"/>
              </a:lnTo>
              <a:lnTo>
                <a:pt x="5080" y="12873"/>
              </a:lnTo>
              <a:lnTo>
                <a:pt x="5461" y="12873"/>
              </a:lnTo>
              <a:lnTo>
                <a:pt x="5588" y="12405"/>
              </a:lnTo>
              <a:lnTo>
                <a:pt x="5842" y="12171"/>
              </a:lnTo>
              <a:lnTo>
                <a:pt x="6223" y="12171"/>
              </a:lnTo>
              <a:lnTo>
                <a:pt x="6731" y="11703"/>
              </a:lnTo>
              <a:lnTo>
                <a:pt x="6985" y="11235"/>
              </a:lnTo>
              <a:lnTo>
                <a:pt x="7239" y="11469"/>
              </a:lnTo>
              <a:lnTo>
                <a:pt x="7747" y="11937"/>
              </a:lnTo>
              <a:lnTo>
                <a:pt x="8001" y="12873"/>
              </a:lnTo>
              <a:lnTo>
                <a:pt x="8637" y="12639"/>
              </a:lnTo>
              <a:lnTo>
                <a:pt x="9145" y="12639"/>
              </a:lnTo>
              <a:lnTo>
                <a:pt x="9526" y="13341"/>
              </a:lnTo>
              <a:lnTo>
                <a:pt x="9907" y="13341"/>
              </a:lnTo>
              <a:lnTo>
                <a:pt x="10415" y="13341"/>
              </a:lnTo>
              <a:lnTo>
                <a:pt x="10669" y="14043"/>
              </a:lnTo>
              <a:lnTo>
                <a:pt x="10923" y="14043"/>
              </a:lnTo>
              <a:lnTo>
                <a:pt x="11050" y="14277"/>
              </a:lnTo>
              <a:lnTo>
                <a:pt x="11558" y="14512"/>
              </a:lnTo>
              <a:lnTo>
                <a:pt x="11812" y="14980"/>
              </a:lnTo>
              <a:lnTo>
                <a:pt x="11812" y="16150"/>
              </a:lnTo>
              <a:lnTo>
                <a:pt x="12066" y="16384"/>
              </a:lnTo>
              <a:lnTo>
                <a:pt x="12320" y="15682"/>
              </a:lnTo>
              <a:lnTo>
                <a:pt x="12701" y="14746"/>
              </a:lnTo>
              <a:lnTo>
                <a:pt x="12955" y="13809"/>
              </a:lnTo>
              <a:lnTo>
                <a:pt x="13209" y="13575"/>
              </a:lnTo>
              <a:lnTo>
                <a:pt x="13336" y="13341"/>
              </a:lnTo>
              <a:lnTo>
                <a:pt x="13590" y="12873"/>
              </a:lnTo>
              <a:lnTo>
                <a:pt x="13844" y="12171"/>
              </a:lnTo>
              <a:lnTo>
                <a:pt x="14098" y="11703"/>
              </a:lnTo>
              <a:lnTo>
                <a:pt x="14352" y="11001"/>
              </a:lnTo>
              <a:lnTo>
                <a:pt x="14860" y="11235"/>
              </a:lnTo>
              <a:lnTo>
                <a:pt x="15368" y="11469"/>
              </a:lnTo>
              <a:lnTo>
                <a:pt x="15749" y="11469"/>
              </a:lnTo>
              <a:lnTo>
                <a:pt x="16130" y="10533"/>
              </a:lnTo>
              <a:lnTo>
                <a:pt x="16257" y="9830"/>
              </a:lnTo>
              <a:lnTo>
                <a:pt x="16384" y="9128"/>
              </a:lnTo>
              <a:lnTo>
                <a:pt x="16384" y="8192"/>
              </a:lnTo>
              <a:lnTo>
                <a:pt x="15622" y="8894"/>
              </a:lnTo>
              <a:lnTo>
                <a:pt x="15114" y="8192"/>
              </a:lnTo>
              <a:lnTo>
                <a:pt x="14479" y="8426"/>
              </a:lnTo>
              <a:lnTo>
                <a:pt x="14225" y="9362"/>
              </a:lnTo>
              <a:lnTo>
                <a:pt x="12701" y="10064"/>
              </a:lnTo>
              <a:lnTo>
                <a:pt x="11939" y="10064"/>
              </a:lnTo>
              <a:lnTo>
                <a:pt x="11431" y="8894"/>
              </a:lnTo>
              <a:lnTo>
                <a:pt x="10542" y="5851"/>
              </a:lnTo>
              <a:lnTo>
                <a:pt x="9780" y="1404"/>
              </a:lnTo>
              <a:lnTo>
                <a:pt x="9145" y="1638"/>
              </a:lnTo>
              <a:lnTo>
                <a:pt x="8510" y="1170"/>
              </a:lnTo>
              <a:lnTo>
                <a:pt x="7112" y="2809"/>
              </a:lnTo>
              <a:lnTo>
                <a:pt x="6731" y="4213"/>
              </a:lnTo>
              <a:lnTo>
                <a:pt x="6096" y="3511"/>
              </a:lnTo>
              <a:lnTo>
                <a:pt x="5334" y="3745"/>
              </a:lnTo>
              <a:lnTo>
                <a:pt x="4572" y="1872"/>
              </a:lnTo>
              <a:lnTo>
                <a:pt x="3556" y="1872"/>
              </a:lnTo>
              <a:lnTo>
                <a:pt x="2540" y="702"/>
              </a:lnTo>
              <a:lnTo>
                <a:pt x="889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16494</xdr:colOff>
      <xdr:row>5</xdr:row>
      <xdr:rowOff>264575</xdr:rowOff>
    </xdr:from>
    <xdr:to>
      <xdr:col>25</xdr:col>
      <xdr:colOff>121458</xdr:colOff>
      <xdr:row>8</xdr:row>
      <xdr:rowOff>249338</xdr:rowOff>
    </xdr:to>
    <xdr:sp macro="" textlink="">
      <xdr:nvSpPr>
        <xdr:cNvPr id="15" name="d14114"/>
        <xdr:cNvSpPr>
          <a:spLocks/>
        </xdr:cNvSpPr>
      </xdr:nvSpPr>
      <xdr:spPr bwMode="auto">
        <a:xfrm>
          <a:off x="18158323" y="2625772"/>
          <a:ext cx="491767" cy="93225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w 16384"/>
            <a:gd name="T172" fmla="*/ 0 h 16384"/>
            <a:gd name="T173" fmla="*/ 16384 w 16384"/>
            <a:gd name="T174" fmla="*/ 16384 h 16384"/>
          </a:gdLst>
          <a:ahLst/>
          <a:cxnLst>
            <a:cxn ang="T114">
              <a:pos x="T0" y="T1"/>
            </a:cxn>
            <a:cxn ang="T115">
              <a:pos x="T2" y="T3"/>
            </a:cxn>
            <a:cxn ang="T116">
              <a:pos x="T4" y="T5"/>
            </a:cxn>
            <a:cxn ang="T117">
              <a:pos x="T6" y="T7"/>
            </a:cxn>
            <a:cxn ang="T118">
              <a:pos x="T8" y="T9"/>
            </a:cxn>
            <a:cxn ang="T119">
              <a:pos x="T10" y="T11"/>
            </a:cxn>
            <a:cxn ang="T120">
              <a:pos x="T12" y="T13"/>
            </a:cxn>
            <a:cxn ang="T121">
              <a:pos x="T14" y="T15"/>
            </a:cxn>
            <a:cxn ang="T122">
              <a:pos x="T16" y="T17"/>
            </a:cxn>
            <a:cxn ang="T123">
              <a:pos x="T18" y="T19"/>
            </a:cxn>
            <a:cxn ang="T124">
              <a:pos x="T20" y="T21"/>
            </a:cxn>
            <a:cxn ang="T125">
              <a:pos x="T22" y="T23"/>
            </a:cxn>
            <a:cxn ang="T126">
              <a:pos x="T24" y="T25"/>
            </a:cxn>
            <a:cxn ang="T127">
              <a:pos x="T26" y="T27"/>
            </a:cxn>
            <a:cxn ang="T128">
              <a:pos x="T28" y="T29"/>
            </a:cxn>
            <a:cxn ang="T129">
              <a:pos x="T30" y="T31"/>
            </a:cxn>
            <a:cxn ang="T130">
              <a:pos x="T32" y="T33"/>
            </a:cxn>
            <a:cxn ang="T131">
              <a:pos x="T34" y="T35"/>
            </a:cxn>
            <a:cxn ang="T132">
              <a:pos x="T36" y="T37"/>
            </a:cxn>
            <a:cxn ang="T133">
              <a:pos x="T38" y="T39"/>
            </a:cxn>
            <a:cxn ang="T134">
              <a:pos x="T40" y="T41"/>
            </a:cxn>
            <a:cxn ang="T135">
              <a:pos x="T42" y="T43"/>
            </a:cxn>
            <a:cxn ang="T136">
              <a:pos x="T44" y="T45"/>
            </a:cxn>
            <a:cxn ang="T137">
              <a:pos x="T46" y="T47"/>
            </a:cxn>
            <a:cxn ang="T138">
              <a:pos x="T48" y="T49"/>
            </a:cxn>
            <a:cxn ang="T139">
              <a:pos x="T50" y="T51"/>
            </a:cxn>
            <a:cxn ang="T140">
              <a:pos x="T52" y="T53"/>
            </a:cxn>
            <a:cxn ang="T141">
              <a:pos x="T54" y="T55"/>
            </a:cxn>
            <a:cxn ang="T142">
              <a:pos x="T56" y="T57"/>
            </a:cxn>
            <a:cxn ang="T143">
              <a:pos x="T58" y="T59"/>
            </a:cxn>
            <a:cxn ang="T144">
              <a:pos x="T60" y="T61"/>
            </a:cxn>
            <a:cxn ang="T145">
              <a:pos x="T62" y="T63"/>
            </a:cxn>
            <a:cxn ang="T146">
              <a:pos x="T64" y="T65"/>
            </a:cxn>
            <a:cxn ang="T147">
              <a:pos x="T66" y="T67"/>
            </a:cxn>
            <a:cxn ang="T148">
              <a:pos x="T68" y="T69"/>
            </a:cxn>
            <a:cxn ang="T149">
              <a:pos x="T70" y="T71"/>
            </a:cxn>
            <a:cxn ang="T150">
              <a:pos x="T72" y="T73"/>
            </a:cxn>
            <a:cxn ang="T151">
              <a:pos x="T74" y="T75"/>
            </a:cxn>
            <a:cxn ang="T152">
              <a:pos x="T76" y="T77"/>
            </a:cxn>
            <a:cxn ang="T153">
              <a:pos x="T78" y="T79"/>
            </a:cxn>
            <a:cxn ang="T154">
              <a:pos x="T80" y="T81"/>
            </a:cxn>
            <a:cxn ang="T155">
              <a:pos x="T82" y="T83"/>
            </a:cxn>
            <a:cxn ang="T156">
              <a:pos x="T84" y="T85"/>
            </a:cxn>
            <a:cxn ang="T157">
              <a:pos x="T86" y="T87"/>
            </a:cxn>
            <a:cxn ang="T158">
              <a:pos x="T88" y="T89"/>
            </a:cxn>
            <a:cxn ang="T159">
              <a:pos x="T90" y="T91"/>
            </a:cxn>
            <a:cxn ang="T160">
              <a:pos x="T92" y="T93"/>
            </a:cxn>
            <a:cxn ang="T161">
              <a:pos x="T94" y="T95"/>
            </a:cxn>
            <a:cxn ang="T162">
              <a:pos x="T96" y="T97"/>
            </a:cxn>
            <a:cxn ang="T163">
              <a:pos x="T98" y="T99"/>
            </a:cxn>
            <a:cxn ang="T164">
              <a:pos x="T100" y="T101"/>
            </a:cxn>
            <a:cxn ang="T165">
              <a:pos x="T102" y="T103"/>
            </a:cxn>
            <a:cxn ang="T166">
              <a:pos x="T104" y="T105"/>
            </a:cxn>
            <a:cxn ang="T167">
              <a:pos x="T106" y="T107"/>
            </a:cxn>
            <a:cxn ang="T168">
              <a:pos x="T108" y="T109"/>
            </a:cxn>
            <a:cxn ang="T169">
              <a:pos x="T110" y="T111"/>
            </a:cxn>
            <a:cxn ang="T170">
              <a:pos x="T112" y="T113"/>
            </a:cxn>
          </a:cxnLst>
          <a:rect l="T171" t="T172" r="T173" b="T174"/>
          <a:pathLst>
            <a:path w="16384" h="16384">
              <a:moveTo>
                <a:pt x="7022" y="0"/>
              </a:moveTo>
              <a:lnTo>
                <a:pt x="5266" y="331"/>
              </a:lnTo>
              <a:lnTo>
                <a:pt x="3218" y="496"/>
              </a:lnTo>
              <a:lnTo>
                <a:pt x="1463" y="496"/>
              </a:lnTo>
              <a:lnTo>
                <a:pt x="585" y="1158"/>
              </a:lnTo>
              <a:lnTo>
                <a:pt x="0" y="1489"/>
              </a:lnTo>
              <a:lnTo>
                <a:pt x="585" y="1986"/>
              </a:lnTo>
              <a:lnTo>
                <a:pt x="1463" y="2151"/>
              </a:lnTo>
              <a:lnTo>
                <a:pt x="2633" y="3641"/>
              </a:lnTo>
              <a:lnTo>
                <a:pt x="2048" y="4468"/>
              </a:lnTo>
              <a:lnTo>
                <a:pt x="2341" y="5296"/>
              </a:lnTo>
              <a:lnTo>
                <a:pt x="2341" y="6123"/>
              </a:lnTo>
              <a:lnTo>
                <a:pt x="2341" y="6785"/>
              </a:lnTo>
              <a:lnTo>
                <a:pt x="3511" y="8109"/>
              </a:lnTo>
              <a:lnTo>
                <a:pt x="3511" y="8937"/>
              </a:lnTo>
              <a:lnTo>
                <a:pt x="2926" y="9599"/>
              </a:lnTo>
              <a:lnTo>
                <a:pt x="3511" y="10757"/>
              </a:lnTo>
              <a:lnTo>
                <a:pt x="4681" y="12081"/>
              </a:lnTo>
              <a:lnTo>
                <a:pt x="5559" y="13571"/>
              </a:lnTo>
              <a:lnTo>
                <a:pt x="6729" y="13571"/>
              </a:lnTo>
              <a:lnTo>
                <a:pt x="6729" y="14564"/>
              </a:lnTo>
              <a:lnTo>
                <a:pt x="7314" y="14564"/>
              </a:lnTo>
              <a:lnTo>
                <a:pt x="9070" y="14398"/>
              </a:lnTo>
              <a:lnTo>
                <a:pt x="10533" y="14398"/>
              </a:lnTo>
              <a:lnTo>
                <a:pt x="10825" y="14729"/>
              </a:lnTo>
              <a:lnTo>
                <a:pt x="10825" y="15557"/>
              </a:lnTo>
              <a:lnTo>
                <a:pt x="11995" y="16053"/>
              </a:lnTo>
              <a:lnTo>
                <a:pt x="13458" y="16384"/>
              </a:lnTo>
              <a:lnTo>
                <a:pt x="14921" y="16053"/>
              </a:lnTo>
              <a:lnTo>
                <a:pt x="16384" y="15888"/>
              </a:lnTo>
              <a:lnTo>
                <a:pt x="16384" y="15557"/>
              </a:lnTo>
              <a:lnTo>
                <a:pt x="15799" y="15226"/>
              </a:lnTo>
              <a:lnTo>
                <a:pt x="16091" y="14895"/>
              </a:lnTo>
              <a:lnTo>
                <a:pt x="16384" y="14729"/>
              </a:lnTo>
              <a:lnTo>
                <a:pt x="16384" y="13902"/>
              </a:lnTo>
              <a:lnTo>
                <a:pt x="15799" y="13736"/>
              </a:lnTo>
              <a:lnTo>
                <a:pt x="15799" y="13074"/>
              </a:lnTo>
              <a:lnTo>
                <a:pt x="15214" y="12743"/>
              </a:lnTo>
              <a:lnTo>
                <a:pt x="15214" y="12081"/>
              </a:lnTo>
              <a:lnTo>
                <a:pt x="15799" y="11254"/>
              </a:lnTo>
              <a:lnTo>
                <a:pt x="15214" y="10923"/>
              </a:lnTo>
              <a:lnTo>
                <a:pt x="14629" y="10261"/>
              </a:lnTo>
              <a:lnTo>
                <a:pt x="14629" y="9599"/>
              </a:lnTo>
              <a:lnTo>
                <a:pt x="14336" y="8606"/>
              </a:lnTo>
              <a:lnTo>
                <a:pt x="13458" y="8275"/>
              </a:lnTo>
              <a:lnTo>
                <a:pt x="12873" y="7613"/>
              </a:lnTo>
              <a:lnTo>
                <a:pt x="13166" y="6951"/>
              </a:lnTo>
              <a:lnTo>
                <a:pt x="13751" y="6123"/>
              </a:lnTo>
              <a:lnTo>
                <a:pt x="12288" y="5958"/>
              </a:lnTo>
              <a:lnTo>
                <a:pt x="11410" y="5130"/>
              </a:lnTo>
              <a:lnTo>
                <a:pt x="10533" y="4965"/>
              </a:lnTo>
              <a:lnTo>
                <a:pt x="9655" y="4634"/>
              </a:lnTo>
              <a:lnTo>
                <a:pt x="8485" y="3806"/>
              </a:lnTo>
              <a:lnTo>
                <a:pt x="8485" y="2813"/>
              </a:lnTo>
              <a:lnTo>
                <a:pt x="8192" y="1820"/>
              </a:lnTo>
              <a:lnTo>
                <a:pt x="8192" y="662"/>
              </a:lnTo>
              <a:lnTo>
                <a:pt x="7022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197324</xdr:colOff>
      <xdr:row>11</xdr:row>
      <xdr:rowOff>5409</xdr:rowOff>
    </xdr:from>
    <xdr:to>
      <xdr:col>26</xdr:col>
      <xdr:colOff>290972</xdr:colOff>
      <xdr:row>13</xdr:row>
      <xdr:rowOff>43571</xdr:rowOff>
    </xdr:to>
    <xdr:sp macro="" textlink="">
      <xdr:nvSpPr>
        <xdr:cNvPr id="16" name="d14115"/>
        <xdr:cNvSpPr>
          <a:spLocks/>
        </xdr:cNvSpPr>
      </xdr:nvSpPr>
      <xdr:spPr bwMode="auto">
        <a:xfrm>
          <a:off x="18326574" y="4221809"/>
          <a:ext cx="722298" cy="66046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w 16384"/>
            <a:gd name="T123" fmla="*/ 0 h 16384"/>
            <a:gd name="T124" fmla="*/ 0 w 16384"/>
            <a:gd name="T125" fmla="*/ 0 h 16384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60000 65536"/>
            <a:gd name="T187" fmla="*/ 0 60000 65536"/>
            <a:gd name="T188" fmla="*/ 0 60000 65536"/>
            <a:gd name="T189" fmla="*/ 0 w 16384"/>
            <a:gd name="T190" fmla="*/ 0 h 16384"/>
            <a:gd name="T191" fmla="*/ 16384 w 16384"/>
            <a:gd name="T192" fmla="*/ 16384 h 16384"/>
          </a:gdLst>
          <a:ahLst/>
          <a:cxnLst>
            <a:cxn ang="T126">
              <a:pos x="T0" y="T1"/>
            </a:cxn>
            <a:cxn ang="T127">
              <a:pos x="T2" y="T3"/>
            </a:cxn>
            <a:cxn ang="T128">
              <a:pos x="T4" y="T5"/>
            </a:cxn>
            <a:cxn ang="T129">
              <a:pos x="T6" y="T7"/>
            </a:cxn>
            <a:cxn ang="T130">
              <a:pos x="T8" y="T9"/>
            </a:cxn>
            <a:cxn ang="T131">
              <a:pos x="T10" y="T11"/>
            </a:cxn>
            <a:cxn ang="T132">
              <a:pos x="T12" y="T13"/>
            </a:cxn>
            <a:cxn ang="T133">
              <a:pos x="T14" y="T15"/>
            </a:cxn>
            <a:cxn ang="T134">
              <a:pos x="T16" y="T17"/>
            </a:cxn>
            <a:cxn ang="T135">
              <a:pos x="T18" y="T19"/>
            </a:cxn>
            <a:cxn ang="T136">
              <a:pos x="T20" y="T21"/>
            </a:cxn>
            <a:cxn ang="T137">
              <a:pos x="T22" y="T23"/>
            </a:cxn>
            <a:cxn ang="T138">
              <a:pos x="T24" y="T25"/>
            </a:cxn>
            <a:cxn ang="T139">
              <a:pos x="T26" y="T27"/>
            </a:cxn>
            <a:cxn ang="T140">
              <a:pos x="T28" y="T29"/>
            </a:cxn>
            <a:cxn ang="T141">
              <a:pos x="T30" y="T31"/>
            </a:cxn>
            <a:cxn ang="T142">
              <a:pos x="T32" y="T33"/>
            </a:cxn>
            <a:cxn ang="T143">
              <a:pos x="T34" y="T35"/>
            </a:cxn>
            <a:cxn ang="T144">
              <a:pos x="T36" y="T37"/>
            </a:cxn>
            <a:cxn ang="T145">
              <a:pos x="T38" y="T39"/>
            </a:cxn>
            <a:cxn ang="T146">
              <a:pos x="T40" y="T41"/>
            </a:cxn>
            <a:cxn ang="T147">
              <a:pos x="T42" y="T43"/>
            </a:cxn>
            <a:cxn ang="T148">
              <a:pos x="T44" y="T45"/>
            </a:cxn>
            <a:cxn ang="T149">
              <a:pos x="T46" y="T47"/>
            </a:cxn>
            <a:cxn ang="T150">
              <a:pos x="T48" y="T49"/>
            </a:cxn>
            <a:cxn ang="T151">
              <a:pos x="T50" y="T51"/>
            </a:cxn>
            <a:cxn ang="T152">
              <a:pos x="T52" y="T53"/>
            </a:cxn>
            <a:cxn ang="T153">
              <a:pos x="T54" y="T55"/>
            </a:cxn>
            <a:cxn ang="T154">
              <a:pos x="T56" y="T57"/>
            </a:cxn>
            <a:cxn ang="T155">
              <a:pos x="T58" y="T59"/>
            </a:cxn>
            <a:cxn ang="T156">
              <a:pos x="T60" y="T61"/>
            </a:cxn>
            <a:cxn ang="T157">
              <a:pos x="T62" y="T63"/>
            </a:cxn>
            <a:cxn ang="T158">
              <a:pos x="T64" y="T65"/>
            </a:cxn>
            <a:cxn ang="T159">
              <a:pos x="T66" y="T67"/>
            </a:cxn>
            <a:cxn ang="T160">
              <a:pos x="T68" y="T69"/>
            </a:cxn>
            <a:cxn ang="T161">
              <a:pos x="T70" y="T71"/>
            </a:cxn>
            <a:cxn ang="T162">
              <a:pos x="T72" y="T73"/>
            </a:cxn>
            <a:cxn ang="T163">
              <a:pos x="T74" y="T75"/>
            </a:cxn>
            <a:cxn ang="T164">
              <a:pos x="T76" y="T77"/>
            </a:cxn>
            <a:cxn ang="T165">
              <a:pos x="T78" y="T79"/>
            </a:cxn>
            <a:cxn ang="T166">
              <a:pos x="T80" y="T81"/>
            </a:cxn>
            <a:cxn ang="T167">
              <a:pos x="T82" y="T83"/>
            </a:cxn>
            <a:cxn ang="T168">
              <a:pos x="T84" y="T85"/>
            </a:cxn>
            <a:cxn ang="T169">
              <a:pos x="T86" y="T87"/>
            </a:cxn>
            <a:cxn ang="T170">
              <a:pos x="T88" y="T89"/>
            </a:cxn>
            <a:cxn ang="T171">
              <a:pos x="T90" y="T91"/>
            </a:cxn>
            <a:cxn ang="T172">
              <a:pos x="T92" y="T93"/>
            </a:cxn>
            <a:cxn ang="T173">
              <a:pos x="T94" y="T95"/>
            </a:cxn>
            <a:cxn ang="T174">
              <a:pos x="T96" y="T97"/>
            </a:cxn>
            <a:cxn ang="T175">
              <a:pos x="T98" y="T99"/>
            </a:cxn>
            <a:cxn ang="T176">
              <a:pos x="T100" y="T101"/>
            </a:cxn>
            <a:cxn ang="T177">
              <a:pos x="T102" y="T103"/>
            </a:cxn>
            <a:cxn ang="T178">
              <a:pos x="T104" y="T105"/>
            </a:cxn>
            <a:cxn ang="T179">
              <a:pos x="T106" y="T107"/>
            </a:cxn>
            <a:cxn ang="T180">
              <a:pos x="T108" y="T109"/>
            </a:cxn>
            <a:cxn ang="T181">
              <a:pos x="T110" y="T111"/>
            </a:cxn>
            <a:cxn ang="T182">
              <a:pos x="T112" y="T113"/>
            </a:cxn>
            <a:cxn ang="T183">
              <a:pos x="T114" y="T115"/>
            </a:cxn>
            <a:cxn ang="T184">
              <a:pos x="T116" y="T117"/>
            </a:cxn>
            <a:cxn ang="T185">
              <a:pos x="T118" y="T119"/>
            </a:cxn>
            <a:cxn ang="T186">
              <a:pos x="T120" y="T121"/>
            </a:cxn>
            <a:cxn ang="T187">
              <a:pos x="T122" y="T123"/>
            </a:cxn>
            <a:cxn ang="T188">
              <a:pos x="T124" y="T125"/>
            </a:cxn>
          </a:cxnLst>
          <a:rect l="T189" t="T190" r="T191" b="T192"/>
          <a:pathLst>
            <a:path w="16384" h="16384">
              <a:moveTo>
                <a:pt x="16020" y="9923"/>
              </a:moveTo>
              <a:lnTo>
                <a:pt x="15474" y="9230"/>
              </a:lnTo>
              <a:lnTo>
                <a:pt x="16020" y="8769"/>
              </a:lnTo>
              <a:lnTo>
                <a:pt x="16384" y="8307"/>
              </a:lnTo>
              <a:lnTo>
                <a:pt x="16384" y="7846"/>
              </a:lnTo>
              <a:lnTo>
                <a:pt x="16202" y="7154"/>
              </a:lnTo>
              <a:lnTo>
                <a:pt x="15474" y="6923"/>
              </a:lnTo>
              <a:lnTo>
                <a:pt x="14017" y="6461"/>
              </a:lnTo>
              <a:lnTo>
                <a:pt x="13471" y="5307"/>
              </a:lnTo>
              <a:lnTo>
                <a:pt x="12379" y="5307"/>
              </a:lnTo>
              <a:lnTo>
                <a:pt x="11651" y="4384"/>
              </a:lnTo>
              <a:lnTo>
                <a:pt x="10012" y="3923"/>
              </a:lnTo>
              <a:lnTo>
                <a:pt x="9648" y="3461"/>
              </a:lnTo>
              <a:lnTo>
                <a:pt x="10194" y="2769"/>
              </a:lnTo>
              <a:lnTo>
                <a:pt x="10012" y="2308"/>
              </a:lnTo>
              <a:lnTo>
                <a:pt x="8920" y="2077"/>
              </a:lnTo>
              <a:lnTo>
                <a:pt x="8920" y="923"/>
              </a:lnTo>
              <a:lnTo>
                <a:pt x="7828" y="0"/>
              </a:lnTo>
              <a:lnTo>
                <a:pt x="7282" y="462"/>
              </a:lnTo>
              <a:lnTo>
                <a:pt x="6918" y="923"/>
              </a:lnTo>
              <a:lnTo>
                <a:pt x="6554" y="2077"/>
              </a:lnTo>
              <a:lnTo>
                <a:pt x="6372" y="2308"/>
              </a:lnTo>
              <a:lnTo>
                <a:pt x="4733" y="2077"/>
              </a:lnTo>
              <a:lnTo>
                <a:pt x="3823" y="1385"/>
              </a:lnTo>
              <a:lnTo>
                <a:pt x="3459" y="1154"/>
              </a:lnTo>
              <a:lnTo>
                <a:pt x="3095" y="2769"/>
              </a:lnTo>
              <a:lnTo>
                <a:pt x="2367" y="2538"/>
              </a:lnTo>
              <a:lnTo>
                <a:pt x="2185" y="2077"/>
              </a:lnTo>
              <a:lnTo>
                <a:pt x="1274" y="2077"/>
              </a:lnTo>
              <a:lnTo>
                <a:pt x="546" y="1385"/>
              </a:lnTo>
              <a:lnTo>
                <a:pt x="182" y="2308"/>
              </a:lnTo>
              <a:lnTo>
                <a:pt x="728" y="2769"/>
              </a:lnTo>
              <a:lnTo>
                <a:pt x="910" y="3231"/>
              </a:lnTo>
              <a:lnTo>
                <a:pt x="1274" y="4154"/>
              </a:lnTo>
              <a:lnTo>
                <a:pt x="728" y="4154"/>
              </a:lnTo>
              <a:lnTo>
                <a:pt x="0" y="4384"/>
              </a:lnTo>
              <a:lnTo>
                <a:pt x="546" y="5769"/>
              </a:lnTo>
              <a:lnTo>
                <a:pt x="728" y="8077"/>
              </a:lnTo>
              <a:lnTo>
                <a:pt x="1092" y="7846"/>
              </a:lnTo>
              <a:lnTo>
                <a:pt x="2185" y="9000"/>
              </a:lnTo>
              <a:lnTo>
                <a:pt x="3823" y="9692"/>
              </a:lnTo>
              <a:lnTo>
                <a:pt x="5279" y="8538"/>
              </a:lnTo>
              <a:lnTo>
                <a:pt x="5825" y="7154"/>
              </a:lnTo>
              <a:lnTo>
                <a:pt x="6554" y="7615"/>
              </a:lnTo>
              <a:lnTo>
                <a:pt x="6918" y="9230"/>
              </a:lnTo>
              <a:lnTo>
                <a:pt x="7100" y="10153"/>
              </a:lnTo>
              <a:lnTo>
                <a:pt x="8010" y="11307"/>
              </a:lnTo>
              <a:lnTo>
                <a:pt x="9102" y="12461"/>
              </a:lnTo>
              <a:lnTo>
                <a:pt x="9830" y="12692"/>
              </a:lnTo>
              <a:lnTo>
                <a:pt x="11105" y="12692"/>
              </a:lnTo>
              <a:lnTo>
                <a:pt x="11469" y="12692"/>
              </a:lnTo>
              <a:lnTo>
                <a:pt x="11833" y="14538"/>
              </a:lnTo>
              <a:lnTo>
                <a:pt x="11833" y="15692"/>
              </a:lnTo>
              <a:lnTo>
                <a:pt x="12743" y="16153"/>
              </a:lnTo>
              <a:lnTo>
                <a:pt x="13471" y="16384"/>
              </a:lnTo>
              <a:lnTo>
                <a:pt x="15110" y="16153"/>
              </a:lnTo>
              <a:lnTo>
                <a:pt x="15474" y="14999"/>
              </a:lnTo>
              <a:lnTo>
                <a:pt x="15656" y="13615"/>
              </a:lnTo>
              <a:lnTo>
                <a:pt x="15292" y="12692"/>
              </a:lnTo>
              <a:lnTo>
                <a:pt x="15292" y="12000"/>
              </a:lnTo>
              <a:lnTo>
                <a:pt x="16020" y="11307"/>
              </a:lnTo>
              <a:lnTo>
                <a:pt x="16202" y="10615"/>
              </a:lnTo>
              <a:lnTo>
                <a:pt x="16020" y="99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88516</xdr:colOff>
      <xdr:row>8</xdr:row>
      <xdr:rowOff>59301</xdr:rowOff>
    </xdr:from>
    <xdr:to>
      <xdr:col>25</xdr:col>
      <xdr:colOff>328199</xdr:colOff>
      <xdr:row>10</xdr:row>
      <xdr:rowOff>289382</xdr:rowOff>
    </xdr:to>
    <xdr:sp macro="" textlink="">
      <xdr:nvSpPr>
        <xdr:cNvPr id="17" name="d14116"/>
        <xdr:cNvSpPr>
          <a:spLocks/>
        </xdr:cNvSpPr>
      </xdr:nvSpPr>
      <xdr:spPr bwMode="auto">
        <a:xfrm>
          <a:off x="17889116" y="3342251"/>
          <a:ext cx="568333" cy="85238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w 16384"/>
            <a:gd name="T123" fmla="*/ 0 h 16384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w 16384"/>
            <a:gd name="T187" fmla="*/ 0 h 16384"/>
            <a:gd name="T188" fmla="*/ 16384 w 16384"/>
            <a:gd name="T189" fmla="*/ 16384 h 16384"/>
          </a:gdLst>
          <a:ahLst/>
          <a:cxnLst>
            <a:cxn ang="T124">
              <a:pos x="T0" y="T1"/>
            </a:cxn>
            <a:cxn ang="T125">
              <a:pos x="T2" y="T3"/>
            </a:cxn>
            <a:cxn ang="T126">
              <a:pos x="T4" y="T5"/>
            </a:cxn>
            <a:cxn ang="T127">
              <a:pos x="T6" y="T7"/>
            </a:cxn>
            <a:cxn ang="T128">
              <a:pos x="T8" y="T9"/>
            </a:cxn>
            <a:cxn ang="T129">
              <a:pos x="T10" y="T11"/>
            </a:cxn>
            <a:cxn ang="T130">
              <a:pos x="T12" y="T13"/>
            </a:cxn>
            <a:cxn ang="T131">
              <a:pos x="T14" y="T15"/>
            </a:cxn>
            <a:cxn ang="T132">
              <a:pos x="T16" y="T17"/>
            </a:cxn>
            <a:cxn ang="T133">
              <a:pos x="T18" y="T19"/>
            </a:cxn>
            <a:cxn ang="T134">
              <a:pos x="T20" y="T21"/>
            </a:cxn>
            <a:cxn ang="T135">
              <a:pos x="T22" y="T23"/>
            </a:cxn>
            <a:cxn ang="T136">
              <a:pos x="T24" y="T25"/>
            </a:cxn>
            <a:cxn ang="T137">
              <a:pos x="T26" y="T27"/>
            </a:cxn>
            <a:cxn ang="T138">
              <a:pos x="T28" y="T29"/>
            </a:cxn>
            <a:cxn ang="T139">
              <a:pos x="T30" y="T31"/>
            </a:cxn>
            <a:cxn ang="T140">
              <a:pos x="T32" y="T33"/>
            </a:cxn>
            <a:cxn ang="T141">
              <a:pos x="T34" y="T35"/>
            </a:cxn>
            <a:cxn ang="T142">
              <a:pos x="T36" y="T37"/>
            </a:cxn>
            <a:cxn ang="T143">
              <a:pos x="T38" y="T39"/>
            </a:cxn>
            <a:cxn ang="T144">
              <a:pos x="T40" y="T41"/>
            </a:cxn>
            <a:cxn ang="T145">
              <a:pos x="T42" y="T43"/>
            </a:cxn>
            <a:cxn ang="T146">
              <a:pos x="T44" y="T45"/>
            </a:cxn>
            <a:cxn ang="T147">
              <a:pos x="T46" y="T47"/>
            </a:cxn>
            <a:cxn ang="T148">
              <a:pos x="T48" y="T49"/>
            </a:cxn>
            <a:cxn ang="T149">
              <a:pos x="T50" y="T51"/>
            </a:cxn>
            <a:cxn ang="T150">
              <a:pos x="T52" y="T53"/>
            </a:cxn>
            <a:cxn ang="T151">
              <a:pos x="T54" y="T55"/>
            </a:cxn>
            <a:cxn ang="T152">
              <a:pos x="T56" y="T57"/>
            </a:cxn>
            <a:cxn ang="T153">
              <a:pos x="T58" y="T59"/>
            </a:cxn>
            <a:cxn ang="T154">
              <a:pos x="T60" y="T61"/>
            </a:cxn>
            <a:cxn ang="T155">
              <a:pos x="T62" y="T63"/>
            </a:cxn>
            <a:cxn ang="T156">
              <a:pos x="T64" y="T65"/>
            </a:cxn>
            <a:cxn ang="T157">
              <a:pos x="T66" y="T67"/>
            </a:cxn>
            <a:cxn ang="T158">
              <a:pos x="T68" y="T69"/>
            </a:cxn>
            <a:cxn ang="T159">
              <a:pos x="T70" y="T71"/>
            </a:cxn>
            <a:cxn ang="T160">
              <a:pos x="T72" y="T73"/>
            </a:cxn>
            <a:cxn ang="T161">
              <a:pos x="T74" y="T75"/>
            </a:cxn>
            <a:cxn ang="T162">
              <a:pos x="T76" y="T77"/>
            </a:cxn>
            <a:cxn ang="T163">
              <a:pos x="T78" y="T79"/>
            </a:cxn>
            <a:cxn ang="T164">
              <a:pos x="T80" y="T81"/>
            </a:cxn>
            <a:cxn ang="T165">
              <a:pos x="T82" y="T83"/>
            </a:cxn>
            <a:cxn ang="T166">
              <a:pos x="T84" y="T85"/>
            </a:cxn>
            <a:cxn ang="T167">
              <a:pos x="T86" y="T87"/>
            </a:cxn>
            <a:cxn ang="T168">
              <a:pos x="T88" y="T89"/>
            </a:cxn>
            <a:cxn ang="T169">
              <a:pos x="T90" y="T91"/>
            </a:cxn>
            <a:cxn ang="T170">
              <a:pos x="T92" y="T93"/>
            </a:cxn>
            <a:cxn ang="T171">
              <a:pos x="T94" y="T95"/>
            </a:cxn>
            <a:cxn ang="T172">
              <a:pos x="T96" y="T97"/>
            </a:cxn>
            <a:cxn ang="T173">
              <a:pos x="T98" y="T99"/>
            </a:cxn>
            <a:cxn ang="T174">
              <a:pos x="T100" y="T101"/>
            </a:cxn>
            <a:cxn ang="T175">
              <a:pos x="T102" y="T103"/>
            </a:cxn>
            <a:cxn ang="T176">
              <a:pos x="T104" y="T105"/>
            </a:cxn>
            <a:cxn ang="T177">
              <a:pos x="T106" y="T107"/>
            </a:cxn>
            <a:cxn ang="T178">
              <a:pos x="T108" y="T109"/>
            </a:cxn>
            <a:cxn ang="T179">
              <a:pos x="T110" y="T111"/>
            </a:cxn>
            <a:cxn ang="T180">
              <a:pos x="T112" y="T113"/>
            </a:cxn>
            <a:cxn ang="T181">
              <a:pos x="T114" y="T115"/>
            </a:cxn>
            <a:cxn ang="T182">
              <a:pos x="T116" y="T117"/>
            </a:cxn>
            <a:cxn ang="T183">
              <a:pos x="T118" y="T119"/>
            </a:cxn>
            <a:cxn ang="T184">
              <a:pos x="T120" y="T121"/>
            </a:cxn>
            <a:cxn ang="T185">
              <a:pos x="T122" y="T123"/>
            </a:cxn>
          </a:cxnLst>
          <a:rect l="T186" t="T187" r="T188" b="T189"/>
          <a:pathLst>
            <a:path w="16384" h="16384">
              <a:moveTo>
                <a:pt x="10695" y="1069"/>
              </a:moveTo>
              <a:lnTo>
                <a:pt x="10695" y="1959"/>
              </a:lnTo>
              <a:lnTo>
                <a:pt x="10468" y="2137"/>
              </a:lnTo>
              <a:lnTo>
                <a:pt x="10240" y="2493"/>
              </a:lnTo>
              <a:lnTo>
                <a:pt x="10695" y="2849"/>
              </a:lnTo>
              <a:lnTo>
                <a:pt x="10695" y="3206"/>
              </a:lnTo>
              <a:lnTo>
                <a:pt x="9557" y="3384"/>
              </a:lnTo>
              <a:lnTo>
                <a:pt x="8420" y="3740"/>
              </a:lnTo>
              <a:lnTo>
                <a:pt x="7282" y="3384"/>
              </a:lnTo>
              <a:lnTo>
                <a:pt x="6372" y="2849"/>
              </a:lnTo>
              <a:lnTo>
                <a:pt x="6372" y="1959"/>
              </a:lnTo>
              <a:lnTo>
                <a:pt x="6144" y="1603"/>
              </a:lnTo>
              <a:lnTo>
                <a:pt x="5006" y="1603"/>
              </a:lnTo>
              <a:lnTo>
                <a:pt x="3641" y="1781"/>
              </a:lnTo>
              <a:lnTo>
                <a:pt x="3186" y="1781"/>
              </a:lnTo>
              <a:lnTo>
                <a:pt x="3186" y="712"/>
              </a:lnTo>
              <a:lnTo>
                <a:pt x="2276" y="712"/>
              </a:lnTo>
              <a:lnTo>
                <a:pt x="1365" y="2315"/>
              </a:lnTo>
              <a:lnTo>
                <a:pt x="228" y="4274"/>
              </a:lnTo>
              <a:lnTo>
                <a:pt x="455" y="5165"/>
              </a:lnTo>
              <a:lnTo>
                <a:pt x="0" y="6945"/>
              </a:lnTo>
              <a:lnTo>
                <a:pt x="910" y="7480"/>
              </a:lnTo>
              <a:lnTo>
                <a:pt x="1593" y="8014"/>
              </a:lnTo>
              <a:lnTo>
                <a:pt x="1593" y="8726"/>
              </a:lnTo>
              <a:lnTo>
                <a:pt x="1365" y="9795"/>
              </a:lnTo>
              <a:lnTo>
                <a:pt x="1138" y="10863"/>
              </a:lnTo>
              <a:lnTo>
                <a:pt x="1365" y="11576"/>
              </a:lnTo>
              <a:lnTo>
                <a:pt x="1138" y="12466"/>
              </a:lnTo>
              <a:lnTo>
                <a:pt x="1593" y="13178"/>
              </a:lnTo>
              <a:lnTo>
                <a:pt x="1820" y="14069"/>
              </a:lnTo>
              <a:lnTo>
                <a:pt x="1820" y="14959"/>
              </a:lnTo>
              <a:lnTo>
                <a:pt x="2731" y="15494"/>
              </a:lnTo>
              <a:lnTo>
                <a:pt x="3186" y="16028"/>
              </a:lnTo>
              <a:lnTo>
                <a:pt x="3641" y="16206"/>
              </a:lnTo>
              <a:lnTo>
                <a:pt x="4779" y="16384"/>
              </a:lnTo>
              <a:lnTo>
                <a:pt x="5461" y="15850"/>
              </a:lnTo>
              <a:lnTo>
                <a:pt x="6599" y="16206"/>
              </a:lnTo>
              <a:lnTo>
                <a:pt x="6372" y="15494"/>
              </a:lnTo>
              <a:lnTo>
                <a:pt x="7054" y="14781"/>
              </a:lnTo>
              <a:lnTo>
                <a:pt x="7737" y="15137"/>
              </a:lnTo>
              <a:lnTo>
                <a:pt x="9557" y="15137"/>
              </a:lnTo>
              <a:lnTo>
                <a:pt x="9785" y="13535"/>
              </a:lnTo>
              <a:lnTo>
                <a:pt x="10240" y="13178"/>
              </a:lnTo>
              <a:lnTo>
                <a:pt x="10923" y="12288"/>
              </a:lnTo>
              <a:lnTo>
                <a:pt x="13198" y="12288"/>
              </a:lnTo>
              <a:lnTo>
                <a:pt x="13198" y="9973"/>
              </a:lnTo>
              <a:lnTo>
                <a:pt x="14108" y="9439"/>
              </a:lnTo>
              <a:lnTo>
                <a:pt x="14564" y="8548"/>
              </a:lnTo>
              <a:lnTo>
                <a:pt x="15474" y="7836"/>
              </a:lnTo>
              <a:lnTo>
                <a:pt x="15246" y="6589"/>
              </a:lnTo>
              <a:lnTo>
                <a:pt x="15701" y="4986"/>
              </a:lnTo>
              <a:lnTo>
                <a:pt x="14791" y="3918"/>
              </a:lnTo>
              <a:lnTo>
                <a:pt x="15929" y="3562"/>
              </a:lnTo>
              <a:lnTo>
                <a:pt x="16156" y="2137"/>
              </a:lnTo>
              <a:lnTo>
                <a:pt x="15019" y="1603"/>
              </a:lnTo>
              <a:lnTo>
                <a:pt x="16384" y="356"/>
              </a:lnTo>
              <a:lnTo>
                <a:pt x="15246" y="178"/>
              </a:lnTo>
              <a:lnTo>
                <a:pt x="14108" y="534"/>
              </a:lnTo>
              <a:lnTo>
                <a:pt x="12971" y="0"/>
              </a:lnTo>
              <a:lnTo>
                <a:pt x="11833" y="178"/>
              </a:lnTo>
              <a:lnTo>
                <a:pt x="11378" y="1069"/>
              </a:lnTo>
              <a:lnTo>
                <a:pt x="10695" y="106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88794</xdr:colOff>
      <xdr:row>3</xdr:row>
      <xdr:rowOff>117238</xdr:rowOff>
    </xdr:from>
    <xdr:to>
      <xdr:col>26</xdr:col>
      <xdr:colOff>46836</xdr:colOff>
      <xdr:row>4</xdr:row>
      <xdr:rowOff>310190</xdr:rowOff>
    </xdr:to>
    <xdr:sp macro="" textlink="">
      <xdr:nvSpPr>
        <xdr:cNvPr id="18" name="d14117"/>
        <xdr:cNvSpPr>
          <a:spLocks/>
        </xdr:cNvSpPr>
      </xdr:nvSpPr>
      <xdr:spPr bwMode="auto">
        <a:xfrm>
          <a:off x="18230623" y="1430685"/>
          <a:ext cx="1031647" cy="924873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w 16384"/>
            <a:gd name="T109" fmla="*/ 0 h 16384"/>
            <a:gd name="T110" fmla="*/ 16384 w 16384"/>
            <a:gd name="T111" fmla="*/ 16384 h 16384"/>
          </a:gdLst>
          <a:ahLst/>
          <a:cxnLst>
            <a:cxn ang="T72">
              <a:pos x="T0" y="T1"/>
            </a:cxn>
            <a:cxn ang="T73">
              <a:pos x="T2" y="T3"/>
            </a:cxn>
            <a:cxn ang="T74">
              <a:pos x="T4" y="T5"/>
            </a:cxn>
            <a:cxn ang="T75">
              <a:pos x="T6" y="T7"/>
            </a:cxn>
            <a:cxn ang="T76">
              <a:pos x="T8" y="T9"/>
            </a:cxn>
            <a:cxn ang="T77">
              <a:pos x="T10" y="T11"/>
            </a:cxn>
            <a:cxn ang="T78">
              <a:pos x="T12" y="T13"/>
            </a:cxn>
            <a:cxn ang="T79">
              <a:pos x="T14" y="T15"/>
            </a:cxn>
            <a:cxn ang="T80">
              <a:pos x="T16" y="T17"/>
            </a:cxn>
            <a:cxn ang="T81">
              <a:pos x="T18" y="T19"/>
            </a:cxn>
            <a:cxn ang="T82">
              <a:pos x="T20" y="T21"/>
            </a:cxn>
            <a:cxn ang="T83">
              <a:pos x="T22" y="T23"/>
            </a:cxn>
            <a:cxn ang="T84">
              <a:pos x="T24" y="T25"/>
            </a:cxn>
            <a:cxn ang="T85">
              <a:pos x="T26" y="T27"/>
            </a:cxn>
            <a:cxn ang="T86">
              <a:pos x="T28" y="T29"/>
            </a:cxn>
            <a:cxn ang="T87">
              <a:pos x="T30" y="T31"/>
            </a:cxn>
            <a:cxn ang="T88">
              <a:pos x="T32" y="T33"/>
            </a:cxn>
            <a:cxn ang="T89">
              <a:pos x="T34" y="T35"/>
            </a:cxn>
            <a:cxn ang="T90">
              <a:pos x="T36" y="T37"/>
            </a:cxn>
            <a:cxn ang="T91">
              <a:pos x="T38" y="T39"/>
            </a:cxn>
            <a:cxn ang="T92">
              <a:pos x="T40" y="T41"/>
            </a:cxn>
            <a:cxn ang="T93">
              <a:pos x="T42" y="T43"/>
            </a:cxn>
            <a:cxn ang="T94">
              <a:pos x="T44" y="T45"/>
            </a:cxn>
            <a:cxn ang="T95">
              <a:pos x="T46" y="T47"/>
            </a:cxn>
            <a:cxn ang="T96">
              <a:pos x="T48" y="T49"/>
            </a:cxn>
            <a:cxn ang="T97">
              <a:pos x="T50" y="T51"/>
            </a:cxn>
            <a:cxn ang="T98">
              <a:pos x="T52" y="T53"/>
            </a:cxn>
            <a:cxn ang="T99">
              <a:pos x="T54" y="T55"/>
            </a:cxn>
            <a:cxn ang="T100">
              <a:pos x="T56" y="T57"/>
            </a:cxn>
            <a:cxn ang="T101">
              <a:pos x="T58" y="T59"/>
            </a:cxn>
            <a:cxn ang="T102">
              <a:pos x="T60" y="T61"/>
            </a:cxn>
            <a:cxn ang="T103">
              <a:pos x="T62" y="T63"/>
            </a:cxn>
            <a:cxn ang="T104">
              <a:pos x="T64" y="T65"/>
            </a:cxn>
            <a:cxn ang="T105">
              <a:pos x="T66" y="T67"/>
            </a:cxn>
            <a:cxn ang="T106">
              <a:pos x="T68" y="T69"/>
            </a:cxn>
            <a:cxn ang="T107">
              <a:pos x="T70" y="T71"/>
            </a:cxn>
          </a:cxnLst>
          <a:rect l="T108" t="T109" r="T110" b="T111"/>
          <a:pathLst>
            <a:path w="16384" h="16384">
              <a:moveTo>
                <a:pt x="555" y="4965"/>
              </a:moveTo>
              <a:lnTo>
                <a:pt x="0" y="6123"/>
              </a:lnTo>
              <a:lnTo>
                <a:pt x="278" y="7944"/>
              </a:lnTo>
              <a:lnTo>
                <a:pt x="1111" y="7282"/>
              </a:lnTo>
              <a:lnTo>
                <a:pt x="1388" y="7282"/>
              </a:lnTo>
              <a:lnTo>
                <a:pt x="1388" y="7944"/>
              </a:lnTo>
              <a:lnTo>
                <a:pt x="1944" y="8606"/>
              </a:lnTo>
              <a:lnTo>
                <a:pt x="2360" y="10592"/>
              </a:lnTo>
              <a:lnTo>
                <a:pt x="1805" y="11916"/>
              </a:lnTo>
              <a:lnTo>
                <a:pt x="1805" y="12578"/>
              </a:lnTo>
              <a:lnTo>
                <a:pt x="2360" y="12909"/>
              </a:lnTo>
              <a:lnTo>
                <a:pt x="2638" y="13405"/>
              </a:lnTo>
              <a:lnTo>
                <a:pt x="4443" y="13902"/>
              </a:lnTo>
              <a:lnTo>
                <a:pt x="5554" y="14729"/>
              </a:lnTo>
              <a:lnTo>
                <a:pt x="6665" y="14729"/>
              </a:lnTo>
              <a:lnTo>
                <a:pt x="7498" y="16053"/>
              </a:lnTo>
              <a:lnTo>
                <a:pt x="8331" y="15888"/>
              </a:lnTo>
              <a:lnTo>
                <a:pt x="9025" y="16384"/>
              </a:lnTo>
              <a:lnTo>
                <a:pt x="9442" y="15391"/>
              </a:lnTo>
              <a:lnTo>
                <a:pt x="10969" y="14233"/>
              </a:lnTo>
              <a:lnTo>
                <a:pt x="11663" y="14564"/>
              </a:lnTo>
              <a:lnTo>
                <a:pt x="12357" y="14398"/>
              </a:lnTo>
              <a:lnTo>
                <a:pt x="13329" y="13571"/>
              </a:lnTo>
              <a:lnTo>
                <a:pt x="13607" y="13736"/>
              </a:lnTo>
              <a:lnTo>
                <a:pt x="14024" y="13074"/>
              </a:lnTo>
              <a:lnTo>
                <a:pt x="13607" y="12578"/>
              </a:lnTo>
              <a:lnTo>
                <a:pt x="14024" y="12081"/>
              </a:lnTo>
              <a:lnTo>
                <a:pt x="14024" y="11254"/>
              </a:lnTo>
              <a:lnTo>
                <a:pt x="14996" y="10095"/>
              </a:lnTo>
              <a:lnTo>
                <a:pt x="15551" y="10261"/>
              </a:lnTo>
              <a:lnTo>
                <a:pt x="15829" y="8606"/>
              </a:lnTo>
              <a:lnTo>
                <a:pt x="15551" y="7944"/>
              </a:lnTo>
              <a:lnTo>
                <a:pt x="16245" y="6785"/>
              </a:lnTo>
              <a:lnTo>
                <a:pt x="15829" y="6454"/>
              </a:lnTo>
              <a:lnTo>
                <a:pt x="16384" y="5296"/>
              </a:lnTo>
              <a:lnTo>
                <a:pt x="15967" y="3972"/>
              </a:lnTo>
              <a:lnTo>
                <a:pt x="15412" y="2648"/>
              </a:lnTo>
              <a:lnTo>
                <a:pt x="14579" y="2151"/>
              </a:lnTo>
              <a:lnTo>
                <a:pt x="14440" y="1489"/>
              </a:lnTo>
              <a:lnTo>
                <a:pt x="13468" y="1324"/>
              </a:lnTo>
              <a:lnTo>
                <a:pt x="12357" y="827"/>
              </a:lnTo>
              <a:lnTo>
                <a:pt x="11385" y="331"/>
              </a:lnTo>
              <a:lnTo>
                <a:pt x="10552" y="331"/>
              </a:lnTo>
              <a:lnTo>
                <a:pt x="9580" y="0"/>
              </a:lnTo>
              <a:lnTo>
                <a:pt x="9719" y="993"/>
              </a:lnTo>
              <a:lnTo>
                <a:pt x="9580" y="1324"/>
              </a:lnTo>
              <a:lnTo>
                <a:pt x="9858" y="2151"/>
              </a:lnTo>
              <a:lnTo>
                <a:pt x="9858" y="2648"/>
              </a:lnTo>
              <a:lnTo>
                <a:pt x="9719" y="2979"/>
              </a:lnTo>
              <a:lnTo>
                <a:pt x="8886" y="2979"/>
              </a:lnTo>
              <a:lnTo>
                <a:pt x="9164" y="3310"/>
              </a:lnTo>
              <a:lnTo>
                <a:pt x="9580" y="3972"/>
              </a:lnTo>
              <a:lnTo>
                <a:pt x="9303" y="4137"/>
              </a:lnTo>
              <a:lnTo>
                <a:pt x="9580" y="4303"/>
              </a:lnTo>
              <a:lnTo>
                <a:pt x="8609" y="5627"/>
              </a:lnTo>
              <a:lnTo>
                <a:pt x="8053" y="5627"/>
              </a:lnTo>
              <a:lnTo>
                <a:pt x="7220" y="6289"/>
              </a:lnTo>
              <a:lnTo>
                <a:pt x="7081" y="6289"/>
              </a:lnTo>
              <a:lnTo>
                <a:pt x="7081" y="5792"/>
              </a:lnTo>
              <a:lnTo>
                <a:pt x="6804" y="5461"/>
              </a:lnTo>
              <a:lnTo>
                <a:pt x="6665" y="5296"/>
              </a:lnTo>
              <a:lnTo>
                <a:pt x="6526" y="4799"/>
              </a:lnTo>
              <a:lnTo>
                <a:pt x="6248" y="4634"/>
              </a:lnTo>
              <a:lnTo>
                <a:pt x="6109" y="5130"/>
              </a:lnTo>
              <a:lnTo>
                <a:pt x="5137" y="5461"/>
              </a:lnTo>
              <a:lnTo>
                <a:pt x="4860" y="6620"/>
              </a:lnTo>
              <a:lnTo>
                <a:pt x="4165" y="6620"/>
              </a:lnTo>
              <a:lnTo>
                <a:pt x="4027" y="7282"/>
              </a:lnTo>
              <a:lnTo>
                <a:pt x="3193" y="7282"/>
              </a:lnTo>
              <a:lnTo>
                <a:pt x="2916" y="6620"/>
              </a:lnTo>
              <a:lnTo>
                <a:pt x="3055" y="5792"/>
              </a:lnTo>
              <a:lnTo>
                <a:pt x="2499" y="5296"/>
              </a:lnTo>
              <a:lnTo>
                <a:pt x="555" y="496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468541</xdr:colOff>
      <xdr:row>3</xdr:row>
      <xdr:rowOff>416820</xdr:rowOff>
    </xdr:from>
    <xdr:to>
      <xdr:col>26</xdr:col>
      <xdr:colOff>523698</xdr:colOff>
      <xdr:row>5</xdr:row>
      <xdr:rowOff>227800</xdr:rowOff>
    </xdr:to>
    <xdr:sp macro="" textlink="">
      <xdr:nvSpPr>
        <xdr:cNvPr id="19" name="d14118"/>
        <xdr:cNvSpPr>
          <a:spLocks/>
        </xdr:cNvSpPr>
      </xdr:nvSpPr>
      <xdr:spPr bwMode="auto">
        <a:xfrm>
          <a:off x="18597791" y="1724920"/>
          <a:ext cx="683807" cy="852380"/>
        </a:xfrm>
        <a:custGeom>
          <a:avLst/>
          <a:gdLst>
            <a:gd name="T0" fmla="*/ 2827882 w 86"/>
            <a:gd name="T1" fmla="*/ 293801973 h 92"/>
            <a:gd name="T2" fmla="*/ 2827882 w 86"/>
            <a:gd name="T3" fmla="*/ 293801973 h 92"/>
            <a:gd name="T4" fmla="*/ 2827882 w 86"/>
            <a:gd name="T5" fmla="*/ 293801973 h 92"/>
            <a:gd name="T6" fmla="*/ 2827882 w 86"/>
            <a:gd name="T7" fmla="*/ 293801973 h 92"/>
            <a:gd name="T8" fmla="*/ 2827882 w 86"/>
            <a:gd name="T9" fmla="*/ 293801973 h 92"/>
            <a:gd name="T10" fmla="*/ 2827882 w 86"/>
            <a:gd name="T11" fmla="*/ 293801973 h 92"/>
            <a:gd name="T12" fmla="*/ 2827882 w 86"/>
            <a:gd name="T13" fmla="*/ 293801973 h 92"/>
            <a:gd name="T14" fmla="*/ 2827882 w 86"/>
            <a:gd name="T15" fmla="*/ 293801973 h 92"/>
            <a:gd name="T16" fmla="*/ 2827882 w 86"/>
            <a:gd name="T17" fmla="*/ 293801973 h 92"/>
            <a:gd name="T18" fmla="*/ 2827882 w 86"/>
            <a:gd name="T19" fmla="*/ 293801973 h 92"/>
            <a:gd name="T20" fmla="*/ 2827882 w 86"/>
            <a:gd name="T21" fmla="*/ 0 h 92"/>
            <a:gd name="T22" fmla="*/ 2827882 w 86"/>
            <a:gd name="T23" fmla="*/ 293801973 h 92"/>
            <a:gd name="T24" fmla="*/ 2827882 w 86"/>
            <a:gd name="T25" fmla="*/ 293801973 h 92"/>
            <a:gd name="T26" fmla="*/ 2827882 w 86"/>
            <a:gd name="T27" fmla="*/ 293801973 h 92"/>
            <a:gd name="T28" fmla="*/ 2827882 w 86"/>
            <a:gd name="T29" fmla="*/ 293801973 h 92"/>
            <a:gd name="T30" fmla="*/ 2827882 w 86"/>
            <a:gd name="T31" fmla="*/ 293801973 h 92"/>
            <a:gd name="T32" fmla="*/ 2827882 w 86"/>
            <a:gd name="T33" fmla="*/ 293801973 h 92"/>
            <a:gd name="T34" fmla="*/ 2827882 w 86"/>
            <a:gd name="T35" fmla="*/ 293801973 h 92"/>
            <a:gd name="T36" fmla="*/ 2827882 w 86"/>
            <a:gd name="T37" fmla="*/ 293801973 h 92"/>
            <a:gd name="T38" fmla="*/ 2827882 w 86"/>
            <a:gd name="T39" fmla="*/ 293801973 h 92"/>
            <a:gd name="T40" fmla="*/ 2827882 w 86"/>
            <a:gd name="T41" fmla="*/ 293801973 h 92"/>
            <a:gd name="T42" fmla="*/ 2827882 w 86"/>
            <a:gd name="T43" fmla="*/ 293801973 h 92"/>
            <a:gd name="T44" fmla="*/ 2827882 w 86"/>
            <a:gd name="T45" fmla="*/ 293801973 h 92"/>
            <a:gd name="T46" fmla="*/ 0 w 86"/>
            <a:gd name="T47" fmla="*/ 293801973 h 92"/>
            <a:gd name="T48" fmla="*/ 2827882 w 86"/>
            <a:gd name="T49" fmla="*/ 293801973 h 92"/>
            <a:gd name="T50" fmla="*/ 2827882 w 86"/>
            <a:gd name="T51" fmla="*/ 293801973 h 92"/>
            <a:gd name="T52" fmla="*/ 2827882 w 86"/>
            <a:gd name="T53" fmla="*/ 293801973 h 92"/>
            <a:gd name="T54" fmla="*/ 2827882 w 86"/>
            <a:gd name="T55" fmla="*/ 293801973 h 92"/>
            <a:gd name="T56" fmla="*/ 2827882 w 86"/>
            <a:gd name="T57" fmla="*/ 293801973 h 92"/>
            <a:gd name="T58" fmla="*/ 2827882 w 86"/>
            <a:gd name="T59" fmla="*/ 293801973 h 92"/>
            <a:gd name="T60" fmla="*/ 2827882 w 86"/>
            <a:gd name="T61" fmla="*/ 293801973 h 92"/>
            <a:gd name="T62" fmla="*/ 2827882 w 86"/>
            <a:gd name="T63" fmla="*/ 293801973 h 92"/>
            <a:gd name="T64" fmla="*/ 2827882 w 86"/>
            <a:gd name="T65" fmla="*/ 293801973 h 92"/>
            <a:gd name="T66" fmla="*/ 2827882 w 86"/>
            <a:gd name="T67" fmla="*/ 293801973 h 92"/>
            <a:gd name="T68" fmla="*/ 2827882 w 86"/>
            <a:gd name="T69" fmla="*/ 293801973 h 92"/>
            <a:gd name="T70" fmla="*/ 2827882 w 86"/>
            <a:gd name="T71" fmla="*/ 293801973 h 92"/>
            <a:gd name="T72" fmla="*/ 2827882 w 86"/>
            <a:gd name="T73" fmla="*/ 293801973 h 92"/>
            <a:gd name="T74" fmla="*/ 2827882 w 86"/>
            <a:gd name="T75" fmla="*/ 293801973 h 92"/>
            <a:gd name="T76" fmla="*/ 2827882 w 86"/>
            <a:gd name="T77" fmla="*/ 293801973 h 92"/>
            <a:gd name="T78" fmla="*/ 2827882 w 86"/>
            <a:gd name="T79" fmla="*/ 293801973 h 92"/>
            <a:gd name="T80" fmla="*/ 2827882 w 86"/>
            <a:gd name="T81" fmla="*/ 293801973 h 92"/>
            <a:gd name="T82" fmla="*/ 2827882 w 86"/>
            <a:gd name="T83" fmla="*/ 293801973 h 92"/>
            <a:gd name="T84" fmla="*/ 2827882 w 86"/>
            <a:gd name="T85" fmla="*/ 293801973 h 92"/>
            <a:gd name="T86" fmla="*/ 2827882 w 86"/>
            <a:gd name="T87" fmla="*/ 293801973 h 92"/>
            <a:gd name="T88" fmla="*/ 2827882 w 86"/>
            <a:gd name="T89" fmla="*/ 293801973 h 92"/>
            <a:gd name="T90" fmla="*/ 2827882 w 86"/>
            <a:gd name="T91" fmla="*/ 293801973 h 92"/>
            <a:gd name="T92" fmla="*/ 2827882 w 86"/>
            <a:gd name="T93" fmla="*/ 293801973 h 92"/>
            <a:gd name="T94" fmla="*/ 2827882 w 86"/>
            <a:gd name="T95" fmla="*/ 293801973 h 92"/>
            <a:gd name="T96" fmla="*/ 2827882 w 86"/>
            <a:gd name="T97" fmla="*/ 293801973 h 92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86"/>
            <a:gd name="T148" fmla="*/ 0 h 92"/>
            <a:gd name="T149" fmla="*/ 86 w 86"/>
            <a:gd name="T150" fmla="*/ 92 h 92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86" h="92">
              <a:moveTo>
                <a:pt x="86" y="17"/>
              </a:moveTo>
              <a:lnTo>
                <a:pt x="80" y="11"/>
              </a:lnTo>
              <a:lnTo>
                <a:pt x="72" y="11"/>
              </a:lnTo>
              <a:lnTo>
                <a:pt x="66" y="6"/>
              </a:lnTo>
              <a:lnTo>
                <a:pt x="63" y="7"/>
              </a:lnTo>
              <a:lnTo>
                <a:pt x="58" y="7"/>
              </a:lnTo>
              <a:lnTo>
                <a:pt x="51" y="5"/>
              </a:lnTo>
              <a:lnTo>
                <a:pt x="48" y="4"/>
              </a:lnTo>
              <a:lnTo>
                <a:pt x="39" y="4"/>
              </a:lnTo>
              <a:lnTo>
                <a:pt x="35" y="1"/>
              </a:lnTo>
              <a:lnTo>
                <a:pt x="29" y="0"/>
              </a:lnTo>
              <a:lnTo>
                <a:pt x="25" y="7"/>
              </a:lnTo>
              <a:lnTo>
                <a:pt x="28" y="9"/>
              </a:lnTo>
              <a:lnTo>
                <a:pt x="23" y="16"/>
              </a:lnTo>
              <a:lnTo>
                <a:pt x="25" y="20"/>
              </a:lnTo>
              <a:lnTo>
                <a:pt x="23" y="30"/>
              </a:lnTo>
              <a:lnTo>
                <a:pt x="19" y="29"/>
              </a:lnTo>
              <a:lnTo>
                <a:pt x="12" y="36"/>
              </a:lnTo>
              <a:lnTo>
                <a:pt x="12" y="41"/>
              </a:lnTo>
              <a:lnTo>
                <a:pt x="9" y="44"/>
              </a:lnTo>
              <a:lnTo>
                <a:pt x="12" y="47"/>
              </a:lnTo>
              <a:lnTo>
                <a:pt x="9" y="51"/>
              </a:lnTo>
              <a:lnTo>
                <a:pt x="7" y="50"/>
              </a:lnTo>
              <a:lnTo>
                <a:pt x="0" y="55"/>
              </a:lnTo>
              <a:lnTo>
                <a:pt x="6" y="74"/>
              </a:lnTo>
              <a:lnTo>
                <a:pt x="13" y="87"/>
              </a:lnTo>
              <a:lnTo>
                <a:pt x="17" y="92"/>
              </a:lnTo>
              <a:lnTo>
                <a:pt x="23" y="92"/>
              </a:lnTo>
              <a:lnTo>
                <a:pt x="35" y="89"/>
              </a:lnTo>
              <a:lnTo>
                <a:pt x="37" y="85"/>
              </a:lnTo>
              <a:lnTo>
                <a:pt x="42" y="84"/>
              </a:lnTo>
              <a:lnTo>
                <a:pt x="46" y="87"/>
              </a:lnTo>
              <a:lnTo>
                <a:pt x="52" y="84"/>
              </a:lnTo>
              <a:lnTo>
                <a:pt x="62" y="84"/>
              </a:lnTo>
              <a:lnTo>
                <a:pt x="64" y="83"/>
              </a:lnTo>
              <a:lnTo>
                <a:pt x="65" y="80"/>
              </a:lnTo>
              <a:lnTo>
                <a:pt x="73" y="80"/>
              </a:lnTo>
              <a:lnTo>
                <a:pt x="74" y="70"/>
              </a:lnTo>
              <a:lnTo>
                <a:pt x="70" y="64"/>
              </a:lnTo>
              <a:lnTo>
                <a:pt x="69" y="58"/>
              </a:lnTo>
              <a:lnTo>
                <a:pt x="66" y="57"/>
              </a:lnTo>
              <a:lnTo>
                <a:pt x="66" y="48"/>
              </a:lnTo>
              <a:lnTo>
                <a:pt x="69" y="47"/>
              </a:lnTo>
              <a:lnTo>
                <a:pt x="72" y="45"/>
              </a:lnTo>
              <a:lnTo>
                <a:pt x="73" y="38"/>
              </a:lnTo>
              <a:lnTo>
                <a:pt x="76" y="30"/>
              </a:lnTo>
              <a:lnTo>
                <a:pt x="82" y="29"/>
              </a:lnTo>
              <a:lnTo>
                <a:pt x="86" y="23"/>
              </a:lnTo>
              <a:lnTo>
                <a:pt x="86" y="1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7</xdr:col>
      <xdr:colOff>610581</xdr:colOff>
      <xdr:row>4</xdr:row>
      <xdr:rowOff>69953</xdr:rowOff>
    </xdr:from>
    <xdr:to>
      <xdr:col>29</xdr:col>
      <xdr:colOff>302933</xdr:colOff>
      <xdr:row>6</xdr:row>
      <xdr:rowOff>156435</xdr:rowOff>
    </xdr:to>
    <xdr:sp macro="" textlink="">
      <xdr:nvSpPr>
        <xdr:cNvPr id="20" name="d14131"/>
        <xdr:cNvSpPr>
          <a:spLocks/>
        </xdr:cNvSpPr>
      </xdr:nvSpPr>
      <xdr:spPr bwMode="auto">
        <a:xfrm>
          <a:off x="20512818" y="2115321"/>
          <a:ext cx="1065957" cy="71814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0" y="5745"/>
              </a:moveTo>
              <a:lnTo>
                <a:pt x="134" y="6809"/>
              </a:lnTo>
              <a:lnTo>
                <a:pt x="0" y="7447"/>
              </a:lnTo>
              <a:lnTo>
                <a:pt x="537" y="7873"/>
              </a:lnTo>
              <a:lnTo>
                <a:pt x="940" y="9150"/>
              </a:lnTo>
              <a:lnTo>
                <a:pt x="1612" y="13192"/>
              </a:lnTo>
              <a:lnTo>
                <a:pt x="2283" y="12767"/>
              </a:lnTo>
              <a:lnTo>
                <a:pt x="3760" y="16384"/>
              </a:lnTo>
              <a:lnTo>
                <a:pt x="4566" y="15958"/>
              </a:lnTo>
              <a:lnTo>
                <a:pt x="4029" y="14256"/>
              </a:lnTo>
              <a:lnTo>
                <a:pt x="3760" y="12767"/>
              </a:lnTo>
              <a:lnTo>
                <a:pt x="4029" y="12554"/>
              </a:lnTo>
              <a:lnTo>
                <a:pt x="5103" y="15320"/>
              </a:lnTo>
              <a:lnTo>
                <a:pt x="6849" y="13831"/>
              </a:lnTo>
              <a:lnTo>
                <a:pt x="6715" y="8937"/>
              </a:lnTo>
              <a:lnTo>
                <a:pt x="7118" y="8937"/>
              </a:lnTo>
              <a:lnTo>
                <a:pt x="7118" y="13405"/>
              </a:lnTo>
              <a:lnTo>
                <a:pt x="9938" y="11490"/>
              </a:lnTo>
              <a:lnTo>
                <a:pt x="9401" y="8511"/>
              </a:lnTo>
              <a:lnTo>
                <a:pt x="9804" y="8086"/>
              </a:lnTo>
              <a:lnTo>
                <a:pt x="10206" y="11065"/>
              </a:lnTo>
              <a:lnTo>
                <a:pt x="12489" y="9788"/>
              </a:lnTo>
              <a:lnTo>
                <a:pt x="11281" y="5532"/>
              </a:lnTo>
              <a:lnTo>
                <a:pt x="11146" y="4468"/>
              </a:lnTo>
              <a:lnTo>
                <a:pt x="11818" y="4681"/>
              </a:lnTo>
              <a:lnTo>
                <a:pt x="12355" y="6809"/>
              </a:lnTo>
              <a:lnTo>
                <a:pt x="13027" y="6596"/>
              </a:lnTo>
              <a:lnTo>
                <a:pt x="12624" y="7660"/>
              </a:lnTo>
              <a:lnTo>
                <a:pt x="13967" y="10639"/>
              </a:lnTo>
              <a:lnTo>
                <a:pt x="16384" y="6596"/>
              </a:lnTo>
              <a:lnTo>
                <a:pt x="15713" y="4894"/>
              </a:lnTo>
              <a:lnTo>
                <a:pt x="14370" y="3404"/>
              </a:lnTo>
              <a:lnTo>
                <a:pt x="9669" y="0"/>
              </a:lnTo>
              <a:lnTo>
                <a:pt x="8729" y="426"/>
              </a:lnTo>
              <a:lnTo>
                <a:pt x="7923" y="638"/>
              </a:lnTo>
              <a:lnTo>
                <a:pt x="6983" y="638"/>
              </a:lnTo>
              <a:lnTo>
                <a:pt x="5775" y="638"/>
              </a:lnTo>
              <a:lnTo>
                <a:pt x="4835" y="1489"/>
              </a:lnTo>
              <a:lnTo>
                <a:pt x="4029" y="2341"/>
              </a:lnTo>
              <a:lnTo>
                <a:pt x="2820" y="2553"/>
              </a:lnTo>
              <a:lnTo>
                <a:pt x="1343" y="1915"/>
              </a:lnTo>
              <a:lnTo>
                <a:pt x="1209" y="3617"/>
              </a:lnTo>
              <a:lnTo>
                <a:pt x="671" y="4894"/>
              </a:lnTo>
              <a:lnTo>
                <a:pt x="0" y="574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7</xdr:col>
      <xdr:colOff>292238</xdr:colOff>
      <xdr:row>3</xdr:row>
      <xdr:rowOff>571444</xdr:rowOff>
    </xdr:from>
    <xdr:to>
      <xdr:col>28</xdr:col>
      <xdr:colOff>106825</xdr:colOff>
      <xdr:row>4</xdr:row>
      <xdr:rowOff>310191</xdr:rowOff>
    </xdr:to>
    <xdr:sp macro="" textlink="">
      <xdr:nvSpPr>
        <xdr:cNvPr id="21" name="d14132"/>
        <xdr:cNvSpPr>
          <a:spLocks/>
        </xdr:cNvSpPr>
      </xdr:nvSpPr>
      <xdr:spPr bwMode="auto">
        <a:xfrm>
          <a:off x="19678788" y="1879544"/>
          <a:ext cx="443237" cy="4689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0" y="2249"/>
              </a:moveTo>
              <a:lnTo>
                <a:pt x="1150" y="3213"/>
              </a:lnTo>
              <a:lnTo>
                <a:pt x="0" y="8674"/>
              </a:lnTo>
              <a:lnTo>
                <a:pt x="0" y="9959"/>
              </a:lnTo>
              <a:lnTo>
                <a:pt x="287" y="10601"/>
              </a:lnTo>
              <a:lnTo>
                <a:pt x="1725" y="10923"/>
              </a:lnTo>
              <a:lnTo>
                <a:pt x="4024" y="12208"/>
              </a:lnTo>
              <a:lnTo>
                <a:pt x="6611" y="10280"/>
              </a:lnTo>
              <a:lnTo>
                <a:pt x="8048" y="9638"/>
              </a:lnTo>
              <a:lnTo>
                <a:pt x="10060" y="9638"/>
              </a:lnTo>
              <a:lnTo>
                <a:pt x="9773" y="13171"/>
              </a:lnTo>
              <a:lnTo>
                <a:pt x="10348" y="14456"/>
              </a:lnTo>
              <a:lnTo>
                <a:pt x="11210" y="16384"/>
              </a:lnTo>
              <a:lnTo>
                <a:pt x="12647" y="15099"/>
              </a:lnTo>
              <a:lnTo>
                <a:pt x="13797" y="13171"/>
              </a:lnTo>
              <a:lnTo>
                <a:pt x="14084" y="10601"/>
              </a:lnTo>
              <a:lnTo>
                <a:pt x="14659" y="9959"/>
              </a:lnTo>
              <a:lnTo>
                <a:pt x="14372" y="8674"/>
              </a:lnTo>
              <a:lnTo>
                <a:pt x="15522" y="6425"/>
              </a:lnTo>
              <a:lnTo>
                <a:pt x="16384" y="4498"/>
              </a:lnTo>
              <a:lnTo>
                <a:pt x="16097" y="3213"/>
              </a:lnTo>
              <a:lnTo>
                <a:pt x="15234" y="2570"/>
              </a:lnTo>
              <a:lnTo>
                <a:pt x="13510" y="1928"/>
              </a:lnTo>
              <a:lnTo>
                <a:pt x="11498" y="1285"/>
              </a:lnTo>
              <a:lnTo>
                <a:pt x="10348" y="964"/>
              </a:lnTo>
              <a:lnTo>
                <a:pt x="9198" y="2249"/>
              </a:lnTo>
              <a:lnTo>
                <a:pt x="8336" y="3213"/>
              </a:lnTo>
              <a:lnTo>
                <a:pt x="7761" y="3534"/>
              </a:lnTo>
              <a:lnTo>
                <a:pt x="6036" y="2570"/>
              </a:lnTo>
              <a:lnTo>
                <a:pt x="5174" y="2570"/>
              </a:lnTo>
              <a:lnTo>
                <a:pt x="4886" y="0"/>
              </a:lnTo>
              <a:lnTo>
                <a:pt x="4024" y="0"/>
              </a:lnTo>
              <a:lnTo>
                <a:pt x="3737" y="964"/>
              </a:lnTo>
              <a:lnTo>
                <a:pt x="3737" y="1928"/>
              </a:lnTo>
              <a:lnTo>
                <a:pt x="2300" y="1928"/>
              </a:lnTo>
              <a:lnTo>
                <a:pt x="1150" y="1928"/>
              </a:lnTo>
              <a:lnTo>
                <a:pt x="0" y="224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651196</xdr:colOff>
      <xdr:row>3</xdr:row>
      <xdr:rowOff>88246</xdr:rowOff>
    </xdr:from>
    <xdr:to>
      <xdr:col>27</xdr:col>
      <xdr:colOff>586699</xdr:colOff>
      <xdr:row>3</xdr:row>
      <xdr:rowOff>669443</xdr:rowOff>
    </xdr:to>
    <xdr:sp macro="" textlink="">
      <xdr:nvSpPr>
        <xdr:cNvPr id="22" name="d14133"/>
        <xdr:cNvSpPr>
          <a:spLocks/>
        </xdr:cNvSpPr>
      </xdr:nvSpPr>
      <xdr:spPr bwMode="auto">
        <a:xfrm>
          <a:off x="19383696" y="1396346"/>
          <a:ext cx="589553" cy="581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6384" y="14270"/>
              </a:moveTo>
              <a:lnTo>
                <a:pt x="14999" y="13213"/>
              </a:lnTo>
              <a:lnTo>
                <a:pt x="13846" y="11099"/>
              </a:lnTo>
              <a:lnTo>
                <a:pt x="13384" y="8456"/>
              </a:lnTo>
              <a:lnTo>
                <a:pt x="12923" y="6078"/>
              </a:lnTo>
              <a:lnTo>
                <a:pt x="12230" y="4757"/>
              </a:lnTo>
              <a:lnTo>
                <a:pt x="11077" y="3171"/>
              </a:lnTo>
              <a:lnTo>
                <a:pt x="10153" y="2378"/>
              </a:lnTo>
              <a:lnTo>
                <a:pt x="7615" y="1850"/>
              </a:lnTo>
              <a:lnTo>
                <a:pt x="6692" y="529"/>
              </a:lnTo>
              <a:lnTo>
                <a:pt x="5769" y="0"/>
              </a:lnTo>
              <a:lnTo>
                <a:pt x="5307" y="1057"/>
              </a:lnTo>
              <a:lnTo>
                <a:pt x="4154" y="1586"/>
              </a:lnTo>
              <a:lnTo>
                <a:pt x="3231" y="1321"/>
              </a:lnTo>
              <a:lnTo>
                <a:pt x="2538" y="529"/>
              </a:lnTo>
              <a:lnTo>
                <a:pt x="1385" y="264"/>
              </a:lnTo>
              <a:lnTo>
                <a:pt x="462" y="1321"/>
              </a:lnTo>
              <a:lnTo>
                <a:pt x="462" y="2378"/>
              </a:lnTo>
              <a:lnTo>
                <a:pt x="0" y="3435"/>
              </a:lnTo>
              <a:lnTo>
                <a:pt x="923" y="4228"/>
              </a:lnTo>
              <a:lnTo>
                <a:pt x="923" y="6342"/>
              </a:lnTo>
              <a:lnTo>
                <a:pt x="1615" y="8192"/>
              </a:lnTo>
              <a:lnTo>
                <a:pt x="2077" y="9249"/>
              </a:lnTo>
              <a:lnTo>
                <a:pt x="3231" y="10570"/>
              </a:lnTo>
              <a:lnTo>
                <a:pt x="3231" y="11627"/>
              </a:lnTo>
              <a:lnTo>
                <a:pt x="2308" y="12420"/>
              </a:lnTo>
              <a:lnTo>
                <a:pt x="2077" y="13213"/>
              </a:lnTo>
              <a:lnTo>
                <a:pt x="3692" y="14270"/>
              </a:lnTo>
              <a:lnTo>
                <a:pt x="5307" y="14270"/>
              </a:lnTo>
              <a:lnTo>
                <a:pt x="6461" y="14006"/>
              </a:lnTo>
              <a:lnTo>
                <a:pt x="7154" y="14798"/>
              </a:lnTo>
              <a:lnTo>
                <a:pt x="8077" y="15327"/>
              </a:lnTo>
              <a:lnTo>
                <a:pt x="9000" y="15063"/>
              </a:lnTo>
              <a:lnTo>
                <a:pt x="9923" y="15063"/>
              </a:lnTo>
              <a:lnTo>
                <a:pt x="11077" y="15063"/>
              </a:lnTo>
              <a:lnTo>
                <a:pt x="11077" y="14270"/>
              </a:lnTo>
              <a:lnTo>
                <a:pt x="11307" y="13477"/>
              </a:lnTo>
              <a:lnTo>
                <a:pt x="12000" y="13477"/>
              </a:lnTo>
              <a:lnTo>
                <a:pt x="12230" y="15591"/>
              </a:lnTo>
              <a:lnTo>
                <a:pt x="12923" y="15591"/>
              </a:lnTo>
              <a:lnTo>
                <a:pt x="14307" y="16384"/>
              </a:lnTo>
              <a:lnTo>
                <a:pt x="14769" y="16120"/>
              </a:lnTo>
              <a:lnTo>
                <a:pt x="15461" y="15327"/>
              </a:lnTo>
              <a:lnTo>
                <a:pt x="16384" y="1427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52481</xdr:colOff>
      <xdr:row>2</xdr:row>
      <xdr:rowOff>560745</xdr:rowOff>
    </xdr:from>
    <xdr:to>
      <xdr:col>27</xdr:col>
      <xdr:colOff>182541</xdr:colOff>
      <xdr:row>3</xdr:row>
      <xdr:rowOff>581107</xdr:rowOff>
    </xdr:to>
    <xdr:sp macro="" textlink="">
      <xdr:nvSpPr>
        <xdr:cNvPr id="23" name="d14134"/>
        <xdr:cNvSpPr>
          <a:spLocks/>
        </xdr:cNvSpPr>
      </xdr:nvSpPr>
      <xdr:spPr bwMode="auto">
        <a:xfrm>
          <a:off x="19010381" y="1138595"/>
          <a:ext cx="558710" cy="750612"/>
        </a:xfrm>
        <a:custGeom>
          <a:avLst/>
          <a:gdLst>
            <a:gd name="T0" fmla="*/ 4238587 w 71"/>
            <a:gd name="T1" fmla="*/ 223099723 h 81"/>
            <a:gd name="T2" fmla="*/ 4238587 w 71"/>
            <a:gd name="T3" fmla="*/ 223099723 h 81"/>
            <a:gd name="T4" fmla="*/ 4238587 w 71"/>
            <a:gd name="T5" fmla="*/ 223099723 h 81"/>
            <a:gd name="T6" fmla="*/ 4238587 w 71"/>
            <a:gd name="T7" fmla="*/ 223099723 h 81"/>
            <a:gd name="T8" fmla="*/ 4238587 w 71"/>
            <a:gd name="T9" fmla="*/ 223099723 h 81"/>
            <a:gd name="T10" fmla="*/ 4238587 w 71"/>
            <a:gd name="T11" fmla="*/ 223099723 h 81"/>
            <a:gd name="T12" fmla="*/ 4238587 w 71"/>
            <a:gd name="T13" fmla="*/ 223099723 h 81"/>
            <a:gd name="T14" fmla="*/ 4238587 w 71"/>
            <a:gd name="T15" fmla="*/ 223099723 h 81"/>
            <a:gd name="T16" fmla="*/ 4238587 w 71"/>
            <a:gd name="T17" fmla="*/ 0 h 81"/>
            <a:gd name="T18" fmla="*/ 4238587 w 71"/>
            <a:gd name="T19" fmla="*/ 223099723 h 81"/>
            <a:gd name="T20" fmla="*/ 4238587 w 71"/>
            <a:gd name="T21" fmla="*/ 223099723 h 81"/>
            <a:gd name="T22" fmla="*/ 4238587 w 71"/>
            <a:gd name="T23" fmla="*/ 223099723 h 81"/>
            <a:gd name="T24" fmla="*/ 4238587 w 71"/>
            <a:gd name="T25" fmla="*/ 223099723 h 81"/>
            <a:gd name="T26" fmla="*/ 4238587 w 71"/>
            <a:gd name="T27" fmla="*/ 223099723 h 81"/>
            <a:gd name="T28" fmla="*/ 4238587 w 71"/>
            <a:gd name="T29" fmla="*/ 223099723 h 81"/>
            <a:gd name="T30" fmla="*/ 0 w 71"/>
            <a:gd name="T31" fmla="*/ 223099723 h 81"/>
            <a:gd name="T32" fmla="*/ 4238587 w 71"/>
            <a:gd name="T33" fmla="*/ 223099723 h 81"/>
            <a:gd name="T34" fmla="*/ 4238587 w 71"/>
            <a:gd name="T35" fmla="*/ 223099723 h 81"/>
            <a:gd name="T36" fmla="*/ 4238587 w 71"/>
            <a:gd name="T37" fmla="*/ 223099723 h 81"/>
            <a:gd name="T38" fmla="*/ 4238587 w 71"/>
            <a:gd name="T39" fmla="*/ 223099723 h 81"/>
            <a:gd name="T40" fmla="*/ 4238587 w 71"/>
            <a:gd name="T41" fmla="*/ 223099723 h 81"/>
            <a:gd name="T42" fmla="*/ 4238587 w 71"/>
            <a:gd name="T43" fmla="*/ 223099723 h 81"/>
            <a:gd name="T44" fmla="*/ 4238587 w 71"/>
            <a:gd name="T45" fmla="*/ 223099723 h 81"/>
            <a:gd name="T46" fmla="*/ 4238587 w 71"/>
            <a:gd name="T47" fmla="*/ 223099723 h 81"/>
            <a:gd name="T48" fmla="*/ 4238587 w 71"/>
            <a:gd name="T49" fmla="*/ 223099723 h 81"/>
            <a:gd name="T50" fmla="*/ 4238587 w 71"/>
            <a:gd name="T51" fmla="*/ 223099723 h 81"/>
            <a:gd name="T52" fmla="*/ 4238587 w 71"/>
            <a:gd name="T53" fmla="*/ 223099723 h 81"/>
            <a:gd name="T54" fmla="*/ 4238587 w 71"/>
            <a:gd name="T55" fmla="*/ 223099723 h 81"/>
            <a:gd name="T56" fmla="*/ 4238587 w 71"/>
            <a:gd name="T57" fmla="*/ 223099723 h 81"/>
            <a:gd name="T58" fmla="*/ 4238587 w 71"/>
            <a:gd name="T59" fmla="*/ 223099723 h 81"/>
            <a:gd name="T60" fmla="*/ 4238587 w 71"/>
            <a:gd name="T61" fmla="*/ 223099723 h 81"/>
            <a:gd name="T62" fmla="*/ 4238587 w 71"/>
            <a:gd name="T63" fmla="*/ 223099723 h 81"/>
            <a:gd name="T64" fmla="*/ 4238587 w 71"/>
            <a:gd name="T65" fmla="*/ 223099723 h 81"/>
            <a:gd name="T66" fmla="*/ 4238587 w 71"/>
            <a:gd name="T67" fmla="*/ 223099723 h 81"/>
            <a:gd name="T68" fmla="*/ 4238587 w 71"/>
            <a:gd name="T69" fmla="*/ 223099723 h 81"/>
            <a:gd name="T70" fmla="*/ 4238587 w 71"/>
            <a:gd name="T71" fmla="*/ 223099723 h 81"/>
            <a:gd name="T72" fmla="*/ 4238587 w 71"/>
            <a:gd name="T73" fmla="*/ 223099723 h 81"/>
            <a:gd name="T74" fmla="*/ 4238587 w 71"/>
            <a:gd name="T75" fmla="*/ 223099723 h 81"/>
            <a:gd name="T76" fmla="*/ 4238587 w 71"/>
            <a:gd name="T77" fmla="*/ 223099723 h 81"/>
            <a:gd name="T78" fmla="*/ 4238587 w 71"/>
            <a:gd name="T79" fmla="*/ 223099723 h 81"/>
            <a:gd name="T80" fmla="*/ 4238587 w 71"/>
            <a:gd name="T81" fmla="*/ 223099723 h 81"/>
            <a:gd name="T82" fmla="*/ 4238587 w 71"/>
            <a:gd name="T83" fmla="*/ 223099723 h 81"/>
            <a:gd name="T84" fmla="*/ 4238587 w 71"/>
            <a:gd name="T85" fmla="*/ 223099723 h 81"/>
            <a:gd name="T86" fmla="*/ 4238587 w 71"/>
            <a:gd name="T87" fmla="*/ 223099723 h 81"/>
            <a:gd name="T88" fmla="*/ 4238587 w 71"/>
            <a:gd name="T89" fmla="*/ 223099723 h 81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71"/>
            <a:gd name="T136" fmla="*/ 0 h 81"/>
            <a:gd name="T137" fmla="*/ 71 w 71"/>
            <a:gd name="T138" fmla="*/ 81 h 81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71" h="81">
              <a:moveTo>
                <a:pt x="71" y="29"/>
              </a:moveTo>
              <a:lnTo>
                <a:pt x="66" y="24"/>
              </a:lnTo>
              <a:lnTo>
                <a:pt x="59" y="19"/>
              </a:lnTo>
              <a:lnTo>
                <a:pt x="50" y="12"/>
              </a:lnTo>
              <a:lnTo>
                <a:pt x="43" y="7"/>
              </a:lnTo>
              <a:lnTo>
                <a:pt x="36" y="3"/>
              </a:lnTo>
              <a:lnTo>
                <a:pt x="30" y="1"/>
              </a:lnTo>
              <a:lnTo>
                <a:pt x="28" y="1"/>
              </a:lnTo>
              <a:lnTo>
                <a:pt x="19" y="0"/>
              </a:lnTo>
              <a:lnTo>
                <a:pt x="16" y="2"/>
              </a:lnTo>
              <a:lnTo>
                <a:pt x="17" y="9"/>
              </a:lnTo>
              <a:lnTo>
                <a:pt x="11" y="6"/>
              </a:lnTo>
              <a:lnTo>
                <a:pt x="7" y="8"/>
              </a:lnTo>
              <a:lnTo>
                <a:pt x="5" y="7"/>
              </a:lnTo>
              <a:lnTo>
                <a:pt x="1" y="12"/>
              </a:lnTo>
              <a:lnTo>
                <a:pt x="0" y="19"/>
              </a:lnTo>
              <a:lnTo>
                <a:pt x="3" y="26"/>
              </a:lnTo>
              <a:lnTo>
                <a:pt x="10" y="31"/>
              </a:lnTo>
              <a:lnTo>
                <a:pt x="18" y="36"/>
              </a:lnTo>
              <a:lnTo>
                <a:pt x="20" y="49"/>
              </a:lnTo>
              <a:lnTo>
                <a:pt x="33" y="49"/>
              </a:lnTo>
              <a:lnTo>
                <a:pt x="28" y="57"/>
              </a:lnTo>
              <a:lnTo>
                <a:pt x="30" y="64"/>
              </a:lnTo>
              <a:lnTo>
                <a:pt x="27" y="75"/>
              </a:lnTo>
              <a:lnTo>
                <a:pt x="33" y="81"/>
              </a:lnTo>
              <a:lnTo>
                <a:pt x="40" y="78"/>
              </a:lnTo>
              <a:lnTo>
                <a:pt x="44" y="79"/>
              </a:lnTo>
              <a:lnTo>
                <a:pt x="47" y="77"/>
              </a:lnTo>
              <a:lnTo>
                <a:pt x="55" y="79"/>
              </a:lnTo>
              <a:lnTo>
                <a:pt x="56" y="76"/>
              </a:lnTo>
              <a:lnTo>
                <a:pt x="60" y="73"/>
              </a:lnTo>
              <a:lnTo>
                <a:pt x="60" y="69"/>
              </a:lnTo>
              <a:lnTo>
                <a:pt x="55" y="64"/>
              </a:lnTo>
              <a:lnTo>
                <a:pt x="53" y="60"/>
              </a:lnTo>
              <a:lnTo>
                <a:pt x="50" y="53"/>
              </a:lnTo>
              <a:lnTo>
                <a:pt x="50" y="45"/>
              </a:lnTo>
              <a:lnTo>
                <a:pt x="46" y="42"/>
              </a:lnTo>
              <a:lnTo>
                <a:pt x="48" y="38"/>
              </a:lnTo>
              <a:lnTo>
                <a:pt x="48" y="34"/>
              </a:lnTo>
              <a:lnTo>
                <a:pt x="52" y="30"/>
              </a:lnTo>
              <a:lnTo>
                <a:pt x="57" y="31"/>
              </a:lnTo>
              <a:lnTo>
                <a:pt x="60" y="34"/>
              </a:lnTo>
              <a:lnTo>
                <a:pt x="64" y="35"/>
              </a:lnTo>
              <a:lnTo>
                <a:pt x="69" y="33"/>
              </a:lnTo>
              <a:lnTo>
                <a:pt x="71" y="2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187701</xdr:colOff>
      <xdr:row>2</xdr:row>
      <xdr:rowOff>183851</xdr:rowOff>
    </xdr:from>
    <xdr:to>
      <xdr:col>26</xdr:col>
      <xdr:colOff>416069</xdr:colOff>
      <xdr:row>3</xdr:row>
      <xdr:rowOff>68918</xdr:rowOff>
    </xdr:to>
    <xdr:sp macro="" textlink="">
      <xdr:nvSpPr>
        <xdr:cNvPr id="24" name="d14135"/>
        <xdr:cNvSpPr>
          <a:spLocks/>
        </xdr:cNvSpPr>
      </xdr:nvSpPr>
      <xdr:spPr bwMode="auto">
        <a:xfrm>
          <a:off x="18316951" y="761701"/>
          <a:ext cx="857018" cy="61531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w 16384"/>
            <a:gd name="T154" fmla="*/ 0 h 16384"/>
            <a:gd name="T155" fmla="*/ 16384 w 16384"/>
            <a:gd name="T156" fmla="*/ 16384 h 16384"/>
          </a:gdLst>
          <a:ahLst/>
          <a:cxnLst>
            <a:cxn ang="T102">
              <a:pos x="T0" y="T1"/>
            </a:cxn>
            <a:cxn ang="T103">
              <a:pos x="T2" y="T3"/>
            </a:cxn>
            <a:cxn ang="T104">
              <a:pos x="T4" y="T5"/>
            </a:cxn>
            <a:cxn ang="T105">
              <a:pos x="T6" y="T7"/>
            </a:cxn>
            <a:cxn ang="T106">
              <a:pos x="T8" y="T9"/>
            </a:cxn>
            <a:cxn ang="T107">
              <a:pos x="T10" y="T11"/>
            </a:cxn>
            <a:cxn ang="T108">
              <a:pos x="T12" y="T13"/>
            </a:cxn>
            <a:cxn ang="T109">
              <a:pos x="T14" y="T15"/>
            </a:cxn>
            <a:cxn ang="T110">
              <a:pos x="T16" y="T17"/>
            </a:cxn>
            <a:cxn ang="T111">
              <a:pos x="T18" y="T19"/>
            </a:cxn>
            <a:cxn ang="T112">
              <a:pos x="T20" y="T21"/>
            </a:cxn>
            <a:cxn ang="T113">
              <a:pos x="T22" y="T23"/>
            </a:cxn>
            <a:cxn ang="T114">
              <a:pos x="T24" y="T25"/>
            </a:cxn>
            <a:cxn ang="T115">
              <a:pos x="T26" y="T27"/>
            </a:cxn>
            <a:cxn ang="T116">
              <a:pos x="T28" y="T29"/>
            </a:cxn>
            <a:cxn ang="T117">
              <a:pos x="T30" y="T31"/>
            </a:cxn>
            <a:cxn ang="T118">
              <a:pos x="T32" y="T33"/>
            </a:cxn>
            <a:cxn ang="T119">
              <a:pos x="T34" y="T35"/>
            </a:cxn>
            <a:cxn ang="T120">
              <a:pos x="T36" y="T37"/>
            </a:cxn>
            <a:cxn ang="T121">
              <a:pos x="T38" y="T39"/>
            </a:cxn>
            <a:cxn ang="T122">
              <a:pos x="T40" y="T41"/>
            </a:cxn>
            <a:cxn ang="T123">
              <a:pos x="T42" y="T43"/>
            </a:cxn>
            <a:cxn ang="T124">
              <a:pos x="T44" y="T45"/>
            </a:cxn>
            <a:cxn ang="T125">
              <a:pos x="T46" y="T47"/>
            </a:cxn>
            <a:cxn ang="T126">
              <a:pos x="T48" y="T49"/>
            </a:cxn>
            <a:cxn ang="T127">
              <a:pos x="T50" y="T51"/>
            </a:cxn>
            <a:cxn ang="T128">
              <a:pos x="T52" y="T53"/>
            </a:cxn>
            <a:cxn ang="T129">
              <a:pos x="T54" y="T55"/>
            </a:cxn>
            <a:cxn ang="T130">
              <a:pos x="T56" y="T57"/>
            </a:cxn>
            <a:cxn ang="T131">
              <a:pos x="T58" y="T59"/>
            </a:cxn>
            <a:cxn ang="T132">
              <a:pos x="T60" y="T61"/>
            </a:cxn>
            <a:cxn ang="T133">
              <a:pos x="T62" y="T63"/>
            </a:cxn>
            <a:cxn ang="T134">
              <a:pos x="T64" y="T65"/>
            </a:cxn>
            <a:cxn ang="T135">
              <a:pos x="T66" y="T67"/>
            </a:cxn>
            <a:cxn ang="T136">
              <a:pos x="T68" y="T69"/>
            </a:cxn>
            <a:cxn ang="T137">
              <a:pos x="T70" y="T71"/>
            </a:cxn>
            <a:cxn ang="T138">
              <a:pos x="T72" y="T73"/>
            </a:cxn>
            <a:cxn ang="T139">
              <a:pos x="T74" y="T75"/>
            </a:cxn>
            <a:cxn ang="T140">
              <a:pos x="T76" y="T77"/>
            </a:cxn>
            <a:cxn ang="T141">
              <a:pos x="T78" y="T79"/>
            </a:cxn>
            <a:cxn ang="T142">
              <a:pos x="T80" y="T81"/>
            </a:cxn>
            <a:cxn ang="T143">
              <a:pos x="T82" y="T83"/>
            </a:cxn>
            <a:cxn ang="T144">
              <a:pos x="T84" y="T85"/>
            </a:cxn>
            <a:cxn ang="T145">
              <a:pos x="T86" y="T87"/>
            </a:cxn>
            <a:cxn ang="T146">
              <a:pos x="T88" y="T89"/>
            </a:cxn>
            <a:cxn ang="T147">
              <a:pos x="T90" y="T91"/>
            </a:cxn>
            <a:cxn ang="T148">
              <a:pos x="T92" y="T93"/>
            </a:cxn>
            <a:cxn ang="T149">
              <a:pos x="T94" y="T95"/>
            </a:cxn>
            <a:cxn ang="T150">
              <a:pos x="T96" y="T97"/>
            </a:cxn>
            <a:cxn ang="T151">
              <a:pos x="T98" y="T99"/>
            </a:cxn>
            <a:cxn ang="T152">
              <a:pos x="T100" y="T101"/>
            </a:cxn>
          </a:cxnLst>
          <a:rect l="T153" t="T154" r="T155" b="T156"/>
          <a:pathLst>
            <a:path w="16384" h="16384">
              <a:moveTo>
                <a:pt x="13602" y="12660"/>
              </a:moveTo>
              <a:lnTo>
                <a:pt x="14220" y="11419"/>
              </a:lnTo>
              <a:lnTo>
                <a:pt x="14529" y="11667"/>
              </a:lnTo>
              <a:lnTo>
                <a:pt x="15147" y="11171"/>
              </a:lnTo>
              <a:lnTo>
                <a:pt x="16075" y="11916"/>
              </a:lnTo>
              <a:lnTo>
                <a:pt x="15920" y="10178"/>
              </a:lnTo>
              <a:lnTo>
                <a:pt x="16384" y="9681"/>
              </a:lnTo>
              <a:lnTo>
                <a:pt x="14838" y="8937"/>
              </a:lnTo>
              <a:lnTo>
                <a:pt x="13447" y="8440"/>
              </a:lnTo>
              <a:lnTo>
                <a:pt x="12829" y="7447"/>
              </a:lnTo>
              <a:lnTo>
                <a:pt x="11592" y="7199"/>
              </a:lnTo>
              <a:lnTo>
                <a:pt x="10201" y="5958"/>
              </a:lnTo>
              <a:lnTo>
                <a:pt x="9429" y="3475"/>
              </a:lnTo>
              <a:lnTo>
                <a:pt x="8965" y="2731"/>
              </a:lnTo>
              <a:lnTo>
                <a:pt x="7728" y="2731"/>
              </a:lnTo>
              <a:lnTo>
                <a:pt x="6646" y="2731"/>
              </a:lnTo>
              <a:lnTo>
                <a:pt x="4946" y="1241"/>
              </a:lnTo>
              <a:lnTo>
                <a:pt x="3555" y="496"/>
              </a:lnTo>
              <a:lnTo>
                <a:pt x="2009" y="0"/>
              </a:lnTo>
              <a:lnTo>
                <a:pt x="1700" y="993"/>
              </a:lnTo>
              <a:lnTo>
                <a:pt x="1391" y="1738"/>
              </a:lnTo>
              <a:lnTo>
                <a:pt x="1700" y="3475"/>
              </a:lnTo>
              <a:lnTo>
                <a:pt x="773" y="3972"/>
              </a:lnTo>
              <a:lnTo>
                <a:pt x="309" y="4717"/>
              </a:lnTo>
              <a:lnTo>
                <a:pt x="0" y="5958"/>
              </a:lnTo>
              <a:lnTo>
                <a:pt x="1082" y="7447"/>
              </a:lnTo>
              <a:lnTo>
                <a:pt x="2009" y="7447"/>
              </a:lnTo>
              <a:lnTo>
                <a:pt x="2628" y="8440"/>
              </a:lnTo>
              <a:lnTo>
                <a:pt x="2009" y="10426"/>
              </a:lnTo>
              <a:lnTo>
                <a:pt x="1855" y="13157"/>
              </a:lnTo>
              <a:lnTo>
                <a:pt x="2628" y="12909"/>
              </a:lnTo>
              <a:lnTo>
                <a:pt x="2628" y="14398"/>
              </a:lnTo>
              <a:lnTo>
                <a:pt x="1855" y="15391"/>
              </a:lnTo>
              <a:lnTo>
                <a:pt x="3091" y="16384"/>
              </a:lnTo>
              <a:lnTo>
                <a:pt x="3864" y="15888"/>
              </a:lnTo>
              <a:lnTo>
                <a:pt x="4946" y="15143"/>
              </a:lnTo>
              <a:lnTo>
                <a:pt x="5719" y="14895"/>
              </a:lnTo>
              <a:lnTo>
                <a:pt x="6646" y="15143"/>
              </a:lnTo>
              <a:lnTo>
                <a:pt x="6646" y="14398"/>
              </a:lnTo>
              <a:lnTo>
                <a:pt x="7419" y="13653"/>
              </a:lnTo>
              <a:lnTo>
                <a:pt x="8192" y="13157"/>
              </a:lnTo>
              <a:lnTo>
                <a:pt x="8501" y="14150"/>
              </a:lnTo>
              <a:lnTo>
                <a:pt x="9429" y="13902"/>
              </a:lnTo>
              <a:lnTo>
                <a:pt x="9429" y="13405"/>
              </a:lnTo>
              <a:lnTo>
                <a:pt x="9429" y="12660"/>
              </a:lnTo>
              <a:lnTo>
                <a:pt x="9892" y="11916"/>
              </a:lnTo>
              <a:lnTo>
                <a:pt x="10665" y="11667"/>
              </a:lnTo>
              <a:lnTo>
                <a:pt x="11592" y="11171"/>
              </a:lnTo>
              <a:lnTo>
                <a:pt x="12211" y="11171"/>
              </a:lnTo>
              <a:lnTo>
                <a:pt x="12984" y="11171"/>
              </a:lnTo>
              <a:lnTo>
                <a:pt x="13602" y="1266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264684</xdr:colOff>
      <xdr:row>2</xdr:row>
      <xdr:rowOff>618729</xdr:rowOff>
    </xdr:from>
    <xdr:to>
      <xdr:col>26</xdr:col>
      <xdr:colOff>531543</xdr:colOff>
      <xdr:row>3</xdr:row>
      <xdr:rowOff>523124</xdr:rowOff>
    </xdr:to>
    <xdr:sp macro="" textlink="">
      <xdr:nvSpPr>
        <xdr:cNvPr id="25" name="d14136"/>
        <xdr:cNvSpPr>
          <a:spLocks/>
        </xdr:cNvSpPr>
      </xdr:nvSpPr>
      <xdr:spPr bwMode="auto">
        <a:xfrm>
          <a:off x="18393934" y="1196579"/>
          <a:ext cx="895509" cy="63464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16384"/>
            <a:gd name="T148" fmla="*/ 0 h 16384"/>
            <a:gd name="T149" fmla="*/ 16384 w 16384"/>
            <a:gd name="T150" fmla="*/ 16384 h 16384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16384" h="16384">
              <a:moveTo>
                <a:pt x="15498" y="16384"/>
              </a:moveTo>
              <a:lnTo>
                <a:pt x="15941" y="13772"/>
              </a:lnTo>
              <a:lnTo>
                <a:pt x="15646" y="12110"/>
              </a:lnTo>
              <a:lnTo>
                <a:pt x="16384" y="10210"/>
              </a:lnTo>
              <a:lnTo>
                <a:pt x="14465" y="10210"/>
              </a:lnTo>
              <a:lnTo>
                <a:pt x="14170" y="7123"/>
              </a:lnTo>
              <a:lnTo>
                <a:pt x="12989" y="5936"/>
              </a:lnTo>
              <a:lnTo>
                <a:pt x="11956" y="4749"/>
              </a:lnTo>
              <a:lnTo>
                <a:pt x="11513" y="3087"/>
              </a:lnTo>
              <a:lnTo>
                <a:pt x="11661" y="1425"/>
              </a:lnTo>
              <a:lnTo>
                <a:pt x="11070" y="0"/>
              </a:lnTo>
              <a:lnTo>
                <a:pt x="10332" y="0"/>
              </a:lnTo>
              <a:lnTo>
                <a:pt x="9742" y="0"/>
              </a:lnTo>
              <a:lnTo>
                <a:pt x="8856" y="475"/>
              </a:lnTo>
              <a:lnTo>
                <a:pt x="8118" y="712"/>
              </a:lnTo>
              <a:lnTo>
                <a:pt x="7675" y="1425"/>
              </a:lnTo>
              <a:lnTo>
                <a:pt x="7675" y="2137"/>
              </a:lnTo>
              <a:lnTo>
                <a:pt x="7675" y="2612"/>
              </a:lnTo>
              <a:lnTo>
                <a:pt x="6790" y="2849"/>
              </a:lnTo>
              <a:lnTo>
                <a:pt x="6495" y="1900"/>
              </a:lnTo>
              <a:lnTo>
                <a:pt x="5757" y="2374"/>
              </a:lnTo>
              <a:lnTo>
                <a:pt x="5019" y="3087"/>
              </a:lnTo>
              <a:lnTo>
                <a:pt x="5019" y="3799"/>
              </a:lnTo>
              <a:lnTo>
                <a:pt x="4133" y="3562"/>
              </a:lnTo>
              <a:lnTo>
                <a:pt x="3395" y="3799"/>
              </a:lnTo>
              <a:lnTo>
                <a:pt x="2362" y="4512"/>
              </a:lnTo>
              <a:lnTo>
                <a:pt x="1624" y="4986"/>
              </a:lnTo>
              <a:lnTo>
                <a:pt x="738" y="5461"/>
              </a:lnTo>
              <a:lnTo>
                <a:pt x="148" y="5936"/>
              </a:lnTo>
              <a:lnTo>
                <a:pt x="0" y="6411"/>
              </a:lnTo>
              <a:lnTo>
                <a:pt x="738" y="6174"/>
              </a:lnTo>
              <a:lnTo>
                <a:pt x="1771" y="6649"/>
              </a:lnTo>
              <a:lnTo>
                <a:pt x="2657" y="6649"/>
              </a:lnTo>
              <a:lnTo>
                <a:pt x="3690" y="7361"/>
              </a:lnTo>
              <a:lnTo>
                <a:pt x="4871" y="8073"/>
              </a:lnTo>
              <a:lnTo>
                <a:pt x="5904" y="8311"/>
              </a:lnTo>
              <a:lnTo>
                <a:pt x="6052" y="9261"/>
              </a:lnTo>
              <a:lnTo>
                <a:pt x="6937" y="9973"/>
              </a:lnTo>
              <a:lnTo>
                <a:pt x="7528" y="11872"/>
              </a:lnTo>
              <a:lnTo>
                <a:pt x="7971" y="13772"/>
              </a:lnTo>
              <a:lnTo>
                <a:pt x="8856" y="14010"/>
              </a:lnTo>
              <a:lnTo>
                <a:pt x="9447" y="14722"/>
              </a:lnTo>
              <a:lnTo>
                <a:pt x="10775" y="14722"/>
              </a:lnTo>
              <a:lnTo>
                <a:pt x="11218" y="14959"/>
              </a:lnTo>
              <a:lnTo>
                <a:pt x="12251" y="15434"/>
              </a:lnTo>
              <a:lnTo>
                <a:pt x="12989" y="15434"/>
              </a:lnTo>
              <a:lnTo>
                <a:pt x="13432" y="15197"/>
              </a:lnTo>
              <a:lnTo>
                <a:pt x="14318" y="16384"/>
              </a:lnTo>
              <a:lnTo>
                <a:pt x="15498" y="1638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203749</xdr:colOff>
      <xdr:row>2</xdr:row>
      <xdr:rowOff>415786</xdr:rowOff>
    </xdr:from>
    <xdr:to>
      <xdr:col>25</xdr:col>
      <xdr:colOff>374380</xdr:colOff>
      <xdr:row>3</xdr:row>
      <xdr:rowOff>484468</xdr:rowOff>
    </xdr:to>
    <xdr:sp macro="" textlink="">
      <xdr:nvSpPr>
        <xdr:cNvPr id="26" name="d14137"/>
        <xdr:cNvSpPr>
          <a:spLocks/>
        </xdr:cNvSpPr>
      </xdr:nvSpPr>
      <xdr:spPr bwMode="auto">
        <a:xfrm>
          <a:off x="17704349" y="993636"/>
          <a:ext cx="799281" cy="7989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w 16384"/>
            <a:gd name="T121" fmla="*/ 0 h 16384"/>
            <a:gd name="T122" fmla="*/ 16384 w 16384"/>
            <a:gd name="T123" fmla="*/ 16384 h 16384"/>
          </a:gdLst>
          <a:ahLst/>
          <a:cxnLst>
            <a:cxn ang="T80">
              <a:pos x="T0" y="T1"/>
            </a:cxn>
            <a:cxn ang="T81">
              <a:pos x="T2" y="T3"/>
            </a:cxn>
            <a:cxn ang="T82">
              <a:pos x="T4" y="T5"/>
            </a:cxn>
            <a:cxn ang="T83">
              <a:pos x="T6" y="T7"/>
            </a:cxn>
            <a:cxn ang="T84">
              <a:pos x="T8" y="T9"/>
            </a:cxn>
            <a:cxn ang="T85">
              <a:pos x="T10" y="T11"/>
            </a:cxn>
            <a:cxn ang="T86">
              <a:pos x="T12" y="T13"/>
            </a:cxn>
            <a:cxn ang="T87">
              <a:pos x="T14" y="T15"/>
            </a:cxn>
            <a:cxn ang="T88">
              <a:pos x="T16" y="T17"/>
            </a:cxn>
            <a:cxn ang="T89">
              <a:pos x="T18" y="T19"/>
            </a:cxn>
            <a:cxn ang="T90">
              <a:pos x="T20" y="T21"/>
            </a:cxn>
            <a:cxn ang="T91">
              <a:pos x="T22" y="T23"/>
            </a:cxn>
            <a:cxn ang="T92">
              <a:pos x="T24" y="T25"/>
            </a:cxn>
            <a:cxn ang="T93">
              <a:pos x="T26" y="T27"/>
            </a:cxn>
            <a:cxn ang="T94">
              <a:pos x="T28" y="T29"/>
            </a:cxn>
            <a:cxn ang="T95">
              <a:pos x="T30" y="T31"/>
            </a:cxn>
            <a:cxn ang="T96">
              <a:pos x="T32" y="T33"/>
            </a:cxn>
            <a:cxn ang="T97">
              <a:pos x="T34" y="T35"/>
            </a:cxn>
            <a:cxn ang="T98">
              <a:pos x="T36" y="T37"/>
            </a:cxn>
            <a:cxn ang="T99">
              <a:pos x="T38" y="T39"/>
            </a:cxn>
            <a:cxn ang="T100">
              <a:pos x="T40" y="T41"/>
            </a:cxn>
            <a:cxn ang="T101">
              <a:pos x="T42" y="T43"/>
            </a:cxn>
            <a:cxn ang="T102">
              <a:pos x="T44" y="T45"/>
            </a:cxn>
            <a:cxn ang="T103">
              <a:pos x="T46" y="T47"/>
            </a:cxn>
            <a:cxn ang="T104">
              <a:pos x="T48" y="T49"/>
            </a:cxn>
            <a:cxn ang="T105">
              <a:pos x="T50" y="T51"/>
            </a:cxn>
            <a:cxn ang="T106">
              <a:pos x="T52" y="T53"/>
            </a:cxn>
            <a:cxn ang="T107">
              <a:pos x="T54" y="T55"/>
            </a:cxn>
            <a:cxn ang="T108">
              <a:pos x="T56" y="T57"/>
            </a:cxn>
            <a:cxn ang="T109">
              <a:pos x="T58" y="T59"/>
            </a:cxn>
            <a:cxn ang="T110">
              <a:pos x="T60" y="T61"/>
            </a:cxn>
            <a:cxn ang="T111">
              <a:pos x="T62" y="T63"/>
            </a:cxn>
            <a:cxn ang="T112">
              <a:pos x="T64" y="T65"/>
            </a:cxn>
            <a:cxn ang="T113">
              <a:pos x="T66" y="T67"/>
            </a:cxn>
            <a:cxn ang="T114">
              <a:pos x="T68" y="T69"/>
            </a:cxn>
            <a:cxn ang="T115">
              <a:pos x="T70" y="T71"/>
            </a:cxn>
            <a:cxn ang="T116">
              <a:pos x="T72" y="T73"/>
            </a:cxn>
            <a:cxn ang="T117">
              <a:pos x="T74" y="T75"/>
            </a:cxn>
            <a:cxn ang="T118">
              <a:pos x="T76" y="T77"/>
            </a:cxn>
            <a:cxn ang="T119">
              <a:pos x="T78" y="T79"/>
            </a:cxn>
          </a:cxnLst>
          <a:rect l="T120" t="T121" r="T122" b="T123"/>
          <a:pathLst>
            <a:path w="16384" h="16384">
              <a:moveTo>
                <a:pt x="16384" y="8096"/>
              </a:moveTo>
              <a:lnTo>
                <a:pt x="15047" y="7325"/>
              </a:lnTo>
              <a:lnTo>
                <a:pt x="15882" y="6554"/>
              </a:lnTo>
              <a:lnTo>
                <a:pt x="15882" y="5397"/>
              </a:lnTo>
              <a:lnTo>
                <a:pt x="15047" y="5590"/>
              </a:lnTo>
              <a:lnTo>
                <a:pt x="15214" y="3470"/>
              </a:lnTo>
              <a:lnTo>
                <a:pt x="15882" y="1928"/>
              </a:lnTo>
              <a:lnTo>
                <a:pt x="15214" y="1157"/>
              </a:lnTo>
              <a:lnTo>
                <a:pt x="14211" y="1157"/>
              </a:lnTo>
              <a:lnTo>
                <a:pt x="13040" y="0"/>
              </a:lnTo>
              <a:lnTo>
                <a:pt x="12539" y="193"/>
              </a:lnTo>
              <a:lnTo>
                <a:pt x="11201" y="578"/>
              </a:lnTo>
              <a:lnTo>
                <a:pt x="10700" y="1157"/>
              </a:lnTo>
              <a:lnTo>
                <a:pt x="10365" y="1928"/>
              </a:lnTo>
              <a:lnTo>
                <a:pt x="9362" y="2120"/>
              </a:lnTo>
              <a:lnTo>
                <a:pt x="9195" y="2506"/>
              </a:lnTo>
              <a:lnTo>
                <a:pt x="9195" y="3470"/>
              </a:lnTo>
              <a:lnTo>
                <a:pt x="9529" y="4241"/>
              </a:lnTo>
              <a:lnTo>
                <a:pt x="10031" y="5204"/>
              </a:lnTo>
              <a:lnTo>
                <a:pt x="10031" y="5590"/>
              </a:lnTo>
              <a:lnTo>
                <a:pt x="9195" y="5590"/>
              </a:lnTo>
              <a:lnTo>
                <a:pt x="8359" y="5783"/>
              </a:lnTo>
              <a:lnTo>
                <a:pt x="7523" y="4819"/>
              </a:lnTo>
              <a:lnTo>
                <a:pt x="6855" y="4626"/>
              </a:lnTo>
              <a:lnTo>
                <a:pt x="6353" y="3662"/>
              </a:lnTo>
              <a:lnTo>
                <a:pt x="5517" y="3470"/>
              </a:lnTo>
              <a:lnTo>
                <a:pt x="5851" y="2313"/>
              </a:lnTo>
              <a:lnTo>
                <a:pt x="5517" y="1542"/>
              </a:lnTo>
              <a:lnTo>
                <a:pt x="4347" y="1542"/>
              </a:lnTo>
              <a:lnTo>
                <a:pt x="3511" y="1349"/>
              </a:lnTo>
              <a:lnTo>
                <a:pt x="3344" y="193"/>
              </a:lnTo>
              <a:lnTo>
                <a:pt x="2508" y="0"/>
              </a:lnTo>
              <a:lnTo>
                <a:pt x="2173" y="1157"/>
              </a:lnTo>
              <a:lnTo>
                <a:pt x="1505" y="1928"/>
              </a:lnTo>
              <a:lnTo>
                <a:pt x="836" y="2120"/>
              </a:lnTo>
              <a:lnTo>
                <a:pt x="669" y="2699"/>
              </a:lnTo>
              <a:lnTo>
                <a:pt x="167" y="3470"/>
              </a:lnTo>
              <a:lnTo>
                <a:pt x="0" y="3855"/>
              </a:lnTo>
              <a:lnTo>
                <a:pt x="669" y="4626"/>
              </a:lnTo>
              <a:lnTo>
                <a:pt x="669" y="5975"/>
              </a:lnTo>
              <a:lnTo>
                <a:pt x="1170" y="5783"/>
              </a:lnTo>
              <a:lnTo>
                <a:pt x="3009" y="4433"/>
              </a:lnTo>
              <a:lnTo>
                <a:pt x="3511" y="4626"/>
              </a:lnTo>
              <a:lnTo>
                <a:pt x="3344" y="5397"/>
              </a:lnTo>
              <a:lnTo>
                <a:pt x="3845" y="5783"/>
              </a:lnTo>
              <a:lnTo>
                <a:pt x="5016" y="7325"/>
              </a:lnTo>
              <a:lnTo>
                <a:pt x="5851" y="7325"/>
              </a:lnTo>
              <a:lnTo>
                <a:pt x="6019" y="8481"/>
              </a:lnTo>
              <a:lnTo>
                <a:pt x="6520" y="8674"/>
              </a:lnTo>
              <a:lnTo>
                <a:pt x="6520" y="9059"/>
              </a:lnTo>
              <a:lnTo>
                <a:pt x="7022" y="9059"/>
              </a:lnTo>
              <a:lnTo>
                <a:pt x="7356" y="9445"/>
              </a:lnTo>
              <a:lnTo>
                <a:pt x="8192" y="10216"/>
              </a:lnTo>
              <a:lnTo>
                <a:pt x="8861" y="10409"/>
              </a:lnTo>
              <a:lnTo>
                <a:pt x="9195" y="11758"/>
              </a:lnTo>
              <a:lnTo>
                <a:pt x="9697" y="12336"/>
              </a:lnTo>
              <a:lnTo>
                <a:pt x="11368" y="14456"/>
              </a:lnTo>
              <a:lnTo>
                <a:pt x="11703" y="14649"/>
              </a:lnTo>
              <a:lnTo>
                <a:pt x="11870" y="15227"/>
              </a:lnTo>
              <a:lnTo>
                <a:pt x="12037" y="15420"/>
              </a:lnTo>
              <a:lnTo>
                <a:pt x="12372" y="15806"/>
              </a:lnTo>
              <a:lnTo>
                <a:pt x="12372" y="16384"/>
              </a:lnTo>
              <a:lnTo>
                <a:pt x="12539" y="16384"/>
              </a:lnTo>
              <a:lnTo>
                <a:pt x="13542" y="15613"/>
              </a:lnTo>
              <a:lnTo>
                <a:pt x="14211" y="15613"/>
              </a:lnTo>
              <a:lnTo>
                <a:pt x="15381" y="14071"/>
              </a:lnTo>
              <a:lnTo>
                <a:pt x="15047" y="13878"/>
              </a:lnTo>
              <a:lnTo>
                <a:pt x="15381" y="13685"/>
              </a:lnTo>
              <a:lnTo>
                <a:pt x="14879" y="12914"/>
              </a:lnTo>
              <a:lnTo>
                <a:pt x="14545" y="12529"/>
              </a:lnTo>
              <a:lnTo>
                <a:pt x="15548" y="12529"/>
              </a:lnTo>
              <a:lnTo>
                <a:pt x="15715" y="12143"/>
              </a:lnTo>
              <a:lnTo>
                <a:pt x="15715" y="11565"/>
              </a:lnTo>
              <a:lnTo>
                <a:pt x="15381" y="10601"/>
              </a:lnTo>
              <a:lnTo>
                <a:pt x="15548" y="10216"/>
              </a:lnTo>
              <a:lnTo>
                <a:pt x="15381" y="9059"/>
              </a:lnTo>
              <a:lnTo>
                <a:pt x="14545" y="9252"/>
              </a:lnTo>
              <a:lnTo>
                <a:pt x="14712" y="8867"/>
              </a:lnTo>
              <a:lnTo>
                <a:pt x="15381" y="8481"/>
              </a:lnTo>
              <a:lnTo>
                <a:pt x="16384" y="809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156253</xdr:colOff>
      <xdr:row>13</xdr:row>
      <xdr:rowOff>122764</xdr:rowOff>
    </xdr:from>
    <xdr:to>
      <xdr:col>28</xdr:col>
      <xdr:colOff>536006</xdr:colOff>
      <xdr:row>19</xdr:row>
      <xdr:rowOff>130946</xdr:rowOff>
    </xdr:to>
    <xdr:sp macro="" textlink="">
      <xdr:nvSpPr>
        <xdr:cNvPr id="27" name="d14201"/>
        <xdr:cNvSpPr>
          <a:spLocks/>
        </xdr:cNvSpPr>
      </xdr:nvSpPr>
      <xdr:spPr bwMode="auto">
        <a:xfrm>
          <a:off x="19347767" y="5015893"/>
          <a:ext cx="1751353" cy="190229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w 16384"/>
            <a:gd name="T145" fmla="*/ 0 h 16384"/>
            <a:gd name="T146" fmla="*/ 16384 w 16384"/>
            <a:gd name="T147" fmla="*/ 16384 h 16384"/>
          </a:gdLst>
          <a:ahLst/>
          <a:cxnLst>
            <a:cxn ang="T96">
              <a:pos x="T0" y="T1"/>
            </a:cxn>
            <a:cxn ang="T97">
              <a:pos x="T2" y="T3"/>
            </a:cxn>
            <a:cxn ang="T98">
              <a:pos x="T4" y="T5"/>
            </a:cxn>
            <a:cxn ang="T99">
              <a:pos x="T6" y="T7"/>
            </a:cxn>
            <a:cxn ang="T100">
              <a:pos x="T8" y="T9"/>
            </a:cxn>
            <a:cxn ang="T101">
              <a:pos x="T10" y="T11"/>
            </a:cxn>
            <a:cxn ang="T102">
              <a:pos x="T12" y="T13"/>
            </a:cxn>
            <a:cxn ang="T103">
              <a:pos x="T14" y="T15"/>
            </a:cxn>
            <a:cxn ang="T104">
              <a:pos x="T16" y="T17"/>
            </a:cxn>
            <a:cxn ang="T105">
              <a:pos x="T18" y="T19"/>
            </a:cxn>
            <a:cxn ang="T106">
              <a:pos x="T20" y="T21"/>
            </a:cxn>
            <a:cxn ang="T107">
              <a:pos x="T22" y="T23"/>
            </a:cxn>
            <a:cxn ang="T108">
              <a:pos x="T24" y="T25"/>
            </a:cxn>
            <a:cxn ang="T109">
              <a:pos x="T26" y="T27"/>
            </a:cxn>
            <a:cxn ang="T110">
              <a:pos x="T28" y="T29"/>
            </a:cxn>
            <a:cxn ang="T111">
              <a:pos x="T30" y="T31"/>
            </a:cxn>
            <a:cxn ang="T112">
              <a:pos x="T32" y="T33"/>
            </a:cxn>
            <a:cxn ang="T113">
              <a:pos x="T34" y="T35"/>
            </a:cxn>
            <a:cxn ang="T114">
              <a:pos x="T36" y="T37"/>
            </a:cxn>
            <a:cxn ang="T115">
              <a:pos x="T38" y="T39"/>
            </a:cxn>
            <a:cxn ang="T116">
              <a:pos x="T40" y="T41"/>
            </a:cxn>
            <a:cxn ang="T117">
              <a:pos x="T42" y="T43"/>
            </a:cxn>
            <a:cxn ang="T118">
              <a:pos x="T44" y="T45"/>
            </a:cxn>
            <a:cxn ang="T119">
              <a:pos x="T46" y="T47"/>
            </a:cxn>
            <a:cxn ang="T120">
              <a:pos x="T48" y="T49"/>
            </a:cxn>
            <a:cxn ang="T121">
              <a:pos x="T50" y="T51"/>
            </a:cxn>
            <a:cxn ang="T122">
              <a:pos x="T52" y="T53"/>
            </a:cxn>
            <a:cxn ang="T123">
              <a:pos x="T54" y="T55"/>
            </a:cxn>
            <a:cxn ang="T124">
              <a:pos x="T56" y="T57"/>
            </a:cxn>
            <a:cxn ang="T125">
              <a:pos x="T58" y="T59"/>
            </a:cxn>
            <a:cxn ang="T126">
              <a:pos x="T60" y="T61"/>
            </a:cxn>
            <a:cxn ang="T127">
              <a:pos x="T62" y="T63"/>
            </a:cxn>
            <a:cxn ang="T128">
              <a:pos x="T64" y="T65"/>
            </a:cxn>
            <a:cxn ang="T129">
              <a:pos x="T66" y="T67"/>
            </a:cxn>
            <a:cxn ang="T130">
              <a:pos x="T68" y="T69"/>
            </a:cxn>
            <a:cxn ang="T131">
              <a:pos x="T70" y="T71"/>
            </a:cxn>
            <a:cxn ang="T132">
              <a:pos x="T72" y="T73"/>
            </a:cxn>
            <a:cxn ang="T133">
              <a:pos x="T74" y="T75"/>
            </a:cxn>
            <a:cxn ang="T134">
              <a:pos x="T76" y="T77"/>
            </a:cxn>
            <a:cxn ang="T135">
              <a:pos x="T78" y="T79"/>
            </a:cxn>
            <a:cxn ang="T136">
              <a:pos x="T80" y="T81"/>
            </a:cxn>
            <a:cxn ang="T137">
              <a:pos x="T82" y="T83"/>
            </a:cxn>
            <a:cxn ang="T138">
              <a:pos x="T84" y="T85"/>
            </a:cxn>
            <a:cxn ang="T139">
              <a:pos x="T86" y="T87"/>
            </a:cxn>
            <a:cxn ang="T140">
              <a:pos x="T88" y="T89"/>
            </a:cxn>
            <a:cxn ang="T141">
              <a:pos x="T90" y="T91"/>
            </a:cxn>
            <a:cxn ang="T142">
              <a:pos x="T92" y="T93"/>
            </a:cxn>
            <a:cxn ang="T143">
              <a:pos x="T94" y="T95"/>
            </a:cxn>
          </a:cxnLst>
          <a:rect l="T144" t="T145" r="T146" b="T147"/>
          <a:pathLst>
            <a:path w="16384" h="16384">
              <a:moveTo>
                <a:pt x="5706" y="323"/>
              </a:moveTo>
              <a:lnTo>
                <a:pt x="5298" y="969"/>
              </a:lnTo>
              <a:lnTo>
                <a:pt x="5135" y="646"/>
              </a:lnTo>
              <a:lnTo>
                <a:pt x="4809" y="807"/>
              </a:lnTo>
              <a:lnTo>
                <a:pt x="4565" y="1211"/>
              </a:lnTo>
              <a:lnTo>
                <a:pt x="4402" y="1453"/>
              </a:lnTo>
              <a:lnTo>
                <a:pt x="3994" y="1614"/>
              </a:lnTo>
              <a:lnTo>
                <a:pt x="3342" y="1614"/>
              </a:lnTo>
              <a:lnTo>
                <a:pt x="3260" y="1856"/>
              </a:lnTo>
              <a:lnTo>
                <a:pt x="2853" y="2098"/>
              </a:lnTo>
              <a:lnTo>
                <a:pt x="3097" y="2341"/>
              </a:lnTo>
              <a:lnTo>
                <a:pt x="3342" y="2502"/>
              </a:lnTo>
              <a:lnTo>
                <a:pt x="3342" y="3067"/>
              </a:lnTo>
              <a:lnTo>
                <a:pt x="3750" y="3309"/>
              </a:lnTo>
              <a:lnTo>
                <a:pt x="3831" y="3713"/>
              </a:lnTo>
              <a:lnTo>
                <a:pt x="4157" y="4197"/>
              </a:lnTo>
              <a:lnTo>
                <a:pt x="4239" y="4762"/>
              </a:lnTo>
              <a:lnTo>
                <a:pt x="4320" y="5085"/>
              </a:lnTo>
              <a:lnTo>
                <a:pt x="4076" y="5408"/>
              </a:lnTo>
              <a:lnTo>
                <a:pt x="4076" y="5730"/>
              </a:lnTo>
              <a:lnTo>
                <a:pt x="4320" y="5972"/>
              </a:lnTo>
              <a:lnTo>
                <a:pt x="4565" y="5972"/>
              </a:lnTo>
              <a:lnTo>
                <a:pt x="4972" y="6295"/>
              </a:lnTo>
              <a:lnTo>
                <a:pt x="5461" y="6618"/>
              </a:lnTo>
              <a:lnTo>
                <a:pt x="5706" y="6699"/>
              </a:lnTo>
              <a:lnTo>
                <a:pt x="6032" y="6699"/>
              </a:lnTo>
              <a:lnTo>
                <a:pt x="6113" y="6780"/>
              </a:lnTo>
              <a:lnTo>
                <a:pt x="5787" y="6941"/>
              </a:lnTo>
              <a:lnTo>
                <a:pt x="5787" y="7345"/>
              </a:lnTo>
              <a:lnTo>
                <a:pt x="5950" y="7829"/>
              </a:lnTo>
              <a:lnTo>
                <a:pt x="5950" y="8071"/>
              </a:lnTo>
              <a:lnTo>
                <a:pt x="5543" y="8071"/>
              </a:lnTo>
              <a:lnTo>
                <a:pt x="5217" y="8232"/>
              </a:lnTo>
              <a:lnTo>
                <a:pt x="4891" y="8313"/>
              </a:lnTo>
              <a:lnTo>
                <a:pt x="4728" y="8474"/>
              </a:lnTo>
              <a:lnTo>
                <a:pt x="4646" y="8717"/>
              </a:lnTo>
              <a:lnTo>
                <a:pt x="4402" y="8717"/>
              </a:lnTo>
              <a:lnTo>
                <a:pt x="4157" y="8474"/>
              </a:lnTo>
              <a:lnTo>
                <a:pt x="3994" y="8232"/>
              </a:lnTo>
              <a:lnTo>
                <a:pt x="3913" y="7990"/>
              </a:lnTo>
              <a:lnTo>
                <a:pt x="3750" y="7910"/>
              </a:lnTo>
              <a:lnTo>
                <a:pt x="3505" y="8232"/>
              </a:lnTo>
              <a:lnTo>
                <a:pt x="3260" y="8394"/>
              </a:lnTo>
              <a:lnTo>
                <a:pt x="3016" y="8394"/>
              </a:lnTo>
              <a:lnTo>
                <a:pt x="2771" y="8394"/>
              </a:lnTo>
              <a:lnTo>
                <a:pt x="2445" y="8394"/>
              </a:lnTo>
              <a:lnTo>
                <a:pt x="2201" y="8394"/>
              </a:lnTo>
              <a:lnTo>
                <a:pt x="2038" y="8636"/>
              </a:lnTo>
              <a:lnTo>
                <a:pt x="1956" y="8636"/>
              </a:lnTo>
              <a:lnTo>
                <a:pt x="1467" y="8717"/>
              </a:lnTo>
              <a:lnTo>
                <a:pt x="163" y="8797"/>
              </a:lnTo>
              <a:lnTo>
                <a:pt x="0" y="9039"/>
              </a:lnTo>
              <a:lnTo>
                <a:pt x="326" y="9039"/>
              </a:lnTo>
              <a:lnTo>
                <a:pt x="652" y="9282"/>
              </a:lnTo>
              <a:lnTo>
                <a:pt x="897" y="9524"/>
              </a:lnTo>
              <a:lnTo>
                <a:pt x="1141" y="9927"/>
              </a:lnTo>
              <a:lnTo>
                <a:pt x="1467" y="10169"/>
              </a:lnTo>
              <a:lnTo>
                <a:pt x="1793" y="10492"/>
              </a:lnTo>
              <a:lnTo>
                <a:pt x="1875" y="10654"/>
              </a:lnTo>
              <a:lnTo>
                <a:pt x="2038" y="10976"/>
              </a:lnTo>
              <a:lnTo>
                <a:pt x="2038" y="11057"/>
              </a:lnTo>
              <a:lnTo>
                <a:pt x="2282" y="11622"/>
              </a:lnTo>
              <a:lnTo>
                <a:pt x="2364" y="12026"/>
              </a:lnTo>
              <a:lnTo>
                <a:pt x="2201" y="12429"/>
              </a:lnTo>
              <a:lnTo>
                <a:pt x="2119" y="12671"/>
              </a:lnTo>
              <a:lnTo>
                <a:pt x="2282" y="12671"/>
              </a:lnTo>
              <a:lnTo>
                <a:pt x="2445" y="12429"/>
              </a:lnTo>
              <a:lnTo>
                <a:pt x="3016" y="12591"/>
              </a:lnTo>
              <a:lnTo>
                <a:pt x="3750" y="12752"/>
              </a:lnTo>
              <a:lnTo>
                <a:pt x="3994" y="12833"/>
              </a:lnTo>
              <a:lnTo>
                <a:pt x="4402" y="13156"/>
              </a:lnTo>
              <a:lnTo>
                <a:pt x="4728" y="13559"/>
              </a:lnTo>
              <a:lnTo>
                <a:pt x="4483" y="14124"/>
              </a:lnTo>
              <a:lnTo>
                <a:pt x="3994" y="14286"/>
              </a:lnTo>
              <a:lnTo>
                <a:pt x="3587" y="14286"/>
              </a:lnTo>
              <a:lnTo>
                <a:pt x="3097" y="14043"/>
              </a:lnTo>
              <a:lnTo>
                <a:pt x="2934" y="14124"/>
              </a:lnTo>
              <a:lnTo>
                <a:pt x="2771" y="14366"/>
              </a:lnTo>
              <a:lnTo>
                <a:pt x="2364" y="14528"/>
              </a:lnTo>
              <a:lnTo>
                <a:pt x="2201" y="14770"/>
              </a:lnTo>
              <a:lnTo>
                <a:pt x="2201" y="15012"/>
              </a:lnTo>
              <a:lnTo>
                <a:pt x="2282" y="15254"/>
              </a:lnTo>
              <a:lnTo>
                <a:pt x="2038" y="15415"/>
              </a:lnTo>
              <a:lnTo>
                <a:pt x="1875" y="15819"/>
              </a:lnTo>
              <a:lnTo>
                <a:pt x="2364" y="15819"/>
              </a:lnTo>
              <a:lnTo>
                <a:pt x="2771" y="15819"/>
              </a:lnTo>
              <a:lnTo>
                <a:pt x="2771" y="16142"/>
              </a:lnTo>
              <a:lnTo>
                <a:pt x="3260" y="16303"/>
              </a:lnTo>
              <a:lnTo>
                <a:pt x="3424" y="16384"/>
              </a:lnTo>
              <a:lnTo>
                <a:pt x="4239" y="15335"/>
              </a:lnTo>
              <a:lnTo>
                <a:pt x="4891" y="15254"/>
              </a:lnTo>
              <a:lnTo>
                <a:pt x="5380" y="14447"/>
              </a:lnTo>
              <a:lnTo>
                <a:pt x="5543" y="14447"/>
              </a:lnTo>
              <a:lnTo>
                <a:pt x="5787" y="14608"/>
              </a:lnTo>
              <a:lnTo>
                <a:pt x="6113" y="14366"/>
              </a:lnTo>
              <a:lnTo>
                <a:pt x="6603" y="14447"/>
              </a:lnTo>
              <a:lnTo>
                <a:pt x="6929" y="14366"/>
              </a:lnTo>
              <a:lnTo>
                <a:pt x="7336" y="14043"/>
              </a:lnTo>
              <a:lnTo>
                <a:pt x="7499" y="14124"/>
              </a:lnTo>
              <a:lnTo>
                <a:pt x="7418" y="14689"/>
              </a:lnTo>
              <a:lnTo>
                <a:pt x="7907" y="15012"/>
              </a:lnTo>
              <a:lnTo>
                <a:pt x="7988" y="15577"/>
              </a:lnTo>
              <a:lnTo>
                <a:pt x="8396" y="15900"/>
              </a:lnTo>
              <a:lnTo>
                <a:pt x="8885" y="15415"/>
              </a:lnTo>
              <a:lnTo>
                <a:pt x="9945" y="14608"/>
              </a:lnTo>
              <a:lnTo>
                <a:pt x="10515" y="14366"/>
              </a:lnTo>
              <a:lnTo>
                <a:pt x="11086" y="14205"/>
              </a:lnTo>
              <a:lnTo>
                <a:pt x="11982" y="14124"/>
              </a:lnTo>
              <a:lnTo>
                <a:pt x="12716" y="14043"/>
              </a:lnTo>
              <a:lnTo>
                <a:pt x="13205" y="13963"/>
              </a:lnTo>
              <a:lnTo>
                <a:pt x="13613" y="14124"/>
              </a:lnTo>
              <a:lnTo>
                <a:pt x="13857" y="13801"/>
              </a:lnTo>
              <a:lnTo>
                <a:pt x="13857" y="13640"/>
              </a:lnTo>
              <a:lnTo>
                <a:pt x="14102" y="13236"/>
              </a:lnTo>
              <a:lnTo>
                <a:pt x="13939" y="13075"/>
              </a:lnTo>
              <a:lnTo>
                <a:pt x="13531" y="13156"/>
              </a:lnTo>
              <a:lnTo>
                <a:pt x="13368" y="13156"/>
              </a:lnTo>
              <a:lnTo>
                <a:pt x="13205" y="12591"/>
              </a:lnTo>
              <a:lnTo>
                <a:pt x="13368" y="11945"/>
              </a:lnTo>
              <a:lnTo>
                <a:pt x="13694" y="11864"/>
              </a:lnTo>
              <a:lnTo>
                <a:pt x="14020" y="12106"/>
              </a:lnTo>
              <a:lnTo>
                <a:pt x="14020" y="12349"/>
              </a:lnTo>
              <a:lnTo>
                <a:pt x="14591" y="12429"/>
              </a:lnTo>
              <a:lnTo>
                <a:pt x="14591" y="11380"/>
              </a:lnTo>
              <a:lnTo>
                <a:pt x="14183" y="11138"/>
              </a:lnTo>
              <a:lnTo>
                <a:pt x="13857" y="10734"/>
              </a:lnTo>
              <a:lnTo>
                <a:pt x="13613" y="10331"/>
              </a:lnTo>
              <a:lnTo>
                <a:pt x="13368" y="9604"/>
              </a:lnTo>
              <a:lnTo>
                <a:pt x="14102" y="10573"/>
              </a:lnTo>
              <a:lnTo>
                <a:pt x="14346" y="10573"/>
              </a:lnTo>
              <a:lnTo>
                <a:pt x="14509" y="10412"/>
              </a:lnTo>
              <a:lnTo>
                <a:pt x="14591" y="10573"/>
              </a:lnTo>
              <a:lnTo>
                <a:pt x="15080" y="10492"/>
              </a:lnTo>
              <a:lnTo>
                <a:pt x="15161" y="9847"/>
              </a:lnTo>
              <a:lnTo>
                <a:pt x="15650" y="9524"/>
              </a:lnTo>
              <a:lnTo>
                <a:pt x="16384" y="9039"/>
              </a:lnTo>
              <a:lnTo>
                <a:pt x="16221" y="8474"/>
              </a:lnTo>
              <a:lnTo>
                <a:pt x="15813" y="8394"/>
              </a:lnTo>
              <a:lnTo>
                <a:pt x="15406" y="8071"/>
              </a:lnTo>
              <a:lnTo>
                <a:pt x="14917" y="7829"/>
              </a:lnTo>
              <a:lnTo>
                <a:pt x="14998" y="7506"/>
              </a:lnTo>
              <a:lnTo>
                <a:pt x="14020" y="7910"/>
              </a:lnTo>
              <a:lnTo>
                <a:pt x="13368" y="7910"/>
              </a:lnTo>
              <a:lnTo>
                <a:pt x="12145" y="7910"/>
              </a:lnTo>
              <a:lnTo>
                <a:pt x="10678" y="7587"/>
              </a:lnTo>
              <a:lnTo>
                <a:pt x="9781" y="6860"/>
              </a:lnTo>
              <a:lnTo>
                <a:pt x="9945" y="6457"/>
              </a:lnTo>
              <a:lnTo>
                <a:pt x="9700" y="5972"/>
              </a:lnTo>
              <a:lnTo>
                <a:pt x="9455" y="5569"/>
              </a:lnTo>
              <a:lnTo>
                <a:pt x="9129" y="5488"/>
              </a:lnTo>
              <a:lnTo>
                <a:pt x="9455" y="5327"/>
              </a:lnTo>
              <a:lnTo>
                <a:pt x="9292" y="4923"/>
              </a:lnTo>
              <a:lnTo>
                <a:pt x="9945" y="4843"/>
              </a:lnTo>
              <a:lnTo>
                <a:pt x="9700" y="4278"/>
              </a:lnTo>
              <a:lnTo>
                <a:pt x="9700" y="3874"/>
              </a:lnTo>
              <a:lnTo>
                <a:pt x="9211" y="3551"/>
              </a:lnTo>
              <a:lnTo>
                <a:pt x="8640" y="3471"/>
              </a:lnTo>
              <a:lnTo>
                <a:pt x="7988" y="3551"/>
              </a:lnTo>
              <a:lnTo>
                <a:pt x="8396" y="4035"/>
              </a:lnTo>
              <a:lnTo>
                <a:pt x="8396" y="4762"/>
              </a:lnTo>
              <a:lnTo>
                <a:pt x="8070" y="4520"/>
              </a:lnTo>
              <a:lnTo>
                <a:pt x="7662" y="4600"/>
              </a:lnTo>
              <a:lnTo>
                <a:pt x="7988" y="5004"/>
              </a:lnTo>
              <a:lnTo>
                <a:pt x="8151" y="5408"/>
              </a:lnTo>
              <a:lnTo>
                <a:pt x="7988" y="5488"/>
              </a:lnTo>
              <a:lnTo>
                <a:pt x="7418" y="5327"/>
              </a:lnTo>
              <a:lnTo>
                <a:pt x="7010" y="4923"/>
              </a:lnTo>
              <a:lnTo>
                <a:pt x="6766" y="4600"/>
              </a:lnTo>
              <a:lnTo>
                <a:pt x="6766" y="4116"/>
              </a:lnTo>
              <a:lnTo>
                <a:pt x="7010" y="3713"/>
              </a:lnTo>
              <a:lnTo>
                <a:pt x="7336" y="3390"/>
              </a:lnTo>
              <a:lnTo>
                <a:pt x="7499" y="3309"/>
              </a:lnTo>
              <a:lnTo>
                <a:pt x="7010" y="2744"/>
              </a:lnTo>
              <a:lnTo>
                <a:pt x="6521" y="3228"/>
              </a:lnTo>
              <a:lnTo>
                <a:pt x="6439" y="3551"/>
              </a:lnTo>
              <a:lnTo>
                <a:pt x="6358" y="3793"/>
              </a:lnTo>
              <a:lnTo>
                <a:pt x="6195" y="3713"/>
              </a:lnTo>
              <a:lnTo>
                <a:pt x="5869" y="4116"/>
              </a:lnTo>
              <a:lnTo>
                <a:pt x="5543" y="4116"/>
              </a:lnTo>
              <a:lnTo>
                <a:pt x="5298" y="4035"/>
              </a:lnTo>
              <a:lnTo>
                <a:pt x="5298" y="3793"/>
              </a:lnTo>
              <a:lnTo>
                <a:pt x="5135" y="3471"/>
              </a:lnTo>
              <a:lnTo>
                <a:pt x="6195" y="3067"/>
              </a:lnTo>
              <a:lnTo>
                <a:pt x="5869" y="2341"/>
              </a:lnTo>
              <a:lnTo>
                <a:pt x="6195" y="2583"/>
              </a:lnTo>
              <a:lnTo>
                <a:pt x="6439" y="2583"/>
              </a:lnTo>
              <a:lnTo>
                <a:pt x="6521" y="1291"/>
              </a:lnTo>
              <a:lnTo>
                <a:pt x="6847" y="1291"/>
              </a:lnTo>
              <a:lnTo>
                <a:pt x="7092" y="888"/>
              </a:lnTo>
              <a:lnTo>
                <a:pt x="6684" y="404"/>
              </a:lnTo>
              <a:lnTo>
                <a:pt x="6032" y="0"/>
              </a:lnTo>
              <a:lnTo>
                <a:pt x="5706" y="3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20051</xdr:colOff>
      <xdr:row>10</xdr:row>
      <xdr:rowOff>75198</xdr:rowOff>
    </xdr:from>
    <xdr:to>
      <xdr:col>23</xdr:col>
      <xdr:colOff>65171</xdr:colOff>
      <xdr:row>14</xdr:row>
      <xdr:rowOff>40106</xdr:rowOff>
    </xdr:to>
    <xdr:sp macro="" textlink="">
      <xdr:nvSpPr>
        <xdr:cNvPr id="28" name="d14203"/>
        <xdr:cNvSpPr>
          <a:spLocks/>
        </xdr:cNvSpPr>
      </xdr:nvSpPr>
      <xdr:spPr bwMode="auto">
        <a:xfrm>
          <a:off x="15801472" y="4015540"/>
          <a:ext cx="1418725" cy="1228224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10956" y="16384"/>
              </a:moveTo>
              <a:lnTo>
                <a:pt x="11559" y="16260"/>
              </a:lnTo>
              <a:lnTo>
                <a:pt x="12263" y="16012"/>
              </a:lnTo>
              <a:lnTo>
                <a:pt x="12866" y="15888"/>
              </a:lnTo>
              <a:lnTo>
                <a:pt x="13469" y="15888"/>
              </a:lnTo>
              <a:lnTo>
                <a:pt x="14273" y="15888"/>
              </a:lnTo>
              <a:lnTo>
                <a:pt x="14977" y="15888"/>
              </a:lnTo>
              <a:lnTo>
                <a:pt x="15680" y="16136"/>
              </a:lnTo>
              <a:lnTo>
                <a:pt x="16283" y="16012"/>
              </a:lnTo>
              <a:lnTo>
                <a:pt x="16283" y="15267"/>
              </a:lnTo>
              <a:lnTo>
                <a:pt x="15982" y="14770"/>
              </a:lnTo>
              <a:lnTo>
                <a:pt x="15580" y="14398"/>
              </a:lnTo>
              <a:lnTo>
                <a:pt x="15580" y="13653"/>
              </a:lnTo>
              <a:lnTo>
                <a:pt x="15781" y="12909"/>
              </a:lnTo>
              <a:lnTo>
                <a:pt x="15982" y="12288"/>
              </a:lnTo>
              <a:lnTo>
                <a:pt x="16283" y="11916"/>
              </a:lnTo>
              <a:lnTo>
                <a:pt x="16283" y="11543"/>
              </a:lnTo>
              <a:lnTo>
                <a:pt x="16082" y="11295"/>
              </a:lnTo>
              <a:lnTo>
                <a:pt x="15881" y="11295"/>
              </a:lnTo>
              <a:lnTo>
                <a:pt x="15680" y="11295"/>
              </a:lnTo>
              <a:lnTo>
                <a:pt x="15680" y="10799"/>
              </a:lnTo>
              <a:lnTo>
                <a:pt x="15680" y="9681"/>
              </a:lnTo>
              <a:lnTo>
                <a:pt x="15781" y="8813"/>
              </a:lnTo>
              <a:lnTo>
                <a:pt x="16082" y="8564"/>
              </a:lnTo>
              <a:lnTo>
                <a:pt x="15982" y="7944"/>
              </a:lnTo>
              <a:lnTo>
                <a:pt x="15580" y="7199"/>
              </a:lnTo>
              <a:lnTo>
                <a:pt x="15680" y="6703"/>
              </a:lnTo>
              <a:lnTo>
                <a:pt x="15982" y="5710"/>
              </a:lnTo>
              <a:lnTo>
                <a:pt x="15982" y="4717"/>
              </a:lnTo>
              <a:lnTo>
                <a:pt x="16283" y="3848"/>
              </a:lnTo>
              <a:lnTo>
                <a:pt x="16384" y="2979"/>
              </a:lnTo>
              <a:lnTo>
                <a:pt x="16384" y="2358"/>
              </a:lnTo>
              <a:lnTo>
                <a:pt x="16183" y="1738"/>
              </a:lnTo>
              <a:lnTo>
                <a:pt x="15178" y="1614"/>
              </a:lnTo>
              <a:lnTo>
                <a:pt x="14575" y="1738"/>
              </a:lnTo>
              <a:lnTo>
                <a:pt x="14474" y="1489"/>
              </a:lnTo>
              <a:lnTo>
                <a:pt x="14273" y="1365"/>
              </a:lnTo>
              <a:lnTo>
                <a:pt x="14273" y="869"/>
              </a:lnTo>
              <a:lnTo>
                <a:pt x="14072" y="621"/>
              </a:lnTo>
              <a:lnTo>
                <a:pt x="14173" y="124"/>
              </a:lnTo>
              <a:lnTo>
                <a:pt x="13972" y="0"/>
              </a:lnTo>
              <a:lnTo>
                <a:pt x="13871" y="1614"/>
              </a:lnTo>
              <a:lnTo>
                <a:pt x="13771" y="1489"/>
              </a:lnTo>
              <a:lnTo>
                <a:pt x="13972" y="1862"/>
              </a:lnTo>
              <a:lnTo>
                <a:pt x="14273" y="2358"/>
              </a:lnTo>
              <a:lnTo>
                <a:pt x="14072" y="3475"/>
              </a:lnTo>
              <a:lnTo>
                <a:pt x="12966" y="4592"/>
              </a:lnTo>
              <a:lnTo>
                <a:pt x="13168" y="3600"/>
              </a:lnTo>
              <a:lnTo>
                <a:pt x="13168" y="2855"/>
              </a:lnTo>
              <a:lnTo>
                <a:pt x="12866" y="2731"/>
              </a:lnTo>
              <a:lnTo>
                <a:pt x="12564" y="4220"/>
              </a:lnTo>
              <a:lnTo>
                <a:pt x="12162" y="4220"/>
              </a:lnTo>
              <a:lnTo>
                <a:pt x="11660" y="3600"/>
              </a:lnTo>
              <a:lnTo>
                <a:pt x="11258" y="4096"/>
              </a:lnTo>
              <a:lnTo>
                <a:pt x="10755" y="3972"/>
              </a:lnTo>
              <a:lnTo>
                <a:pt x="10454" y="4220"/>
              </a:lnTo>
              <a:lnTo>
                <a:pt x="10353" y="4468"/>
              </a:lnTo>
              <a:lnTo>
                <a:pt x="9951" y="4096"/>
              </a:lnTo>
              <a:lnTo>
                <a:pt x="9750" y="3600"/>
              </a:lnTo>
              <a:lnTo>
                <a:pt x="9649" y="4344"/>
              </a:lnTo>
              <a:lnTo>
                <a:pt x="9750" y="4965"/>
              </a:lnTo>
              <a:lnTo>
                <a:pt x="9750" y="5834"/>
              </a:lnTo>
              <a:lnTo>
                <a:pt x="9147" y="5585"/>
              </a:lnTo>
              <a:lnTo>
                <a:pt x="9147" y="4717"/>
              </a:lnTo>
              <a:lnTo>
                <a:pt x="8845" y="4096"/>
              </a:lnTo>
              <a:lnTo>
                <a:pt x="8544" y="3848"/>
              </a:lnTo>
              <a:lnTo>
                <a:pt x="7941" y="3848"/>
              </a:lnTo>
              <a:lnTo>
                <a:pt x="7639" y="2731"/>
              </a:lnTo>
              <a:lnTo>
                <a:pt x="7438" y="3227"/>
              </a:lnTo>
              <a:lnTo>
                <a:pt x="7438" y="3724"/>
              </a:lnTo>
              <a:lnTo>
                <a:pt x="7438" y="4096"/>
              </a:lnTo>
              <a:lnTo>
                <a:pt x="6634" y="3848"/>
              </a:lnTo>
              <a:lnTo>
                <a:pt x="6232" y="4096"/>
              </a:lnTo>
              <a:lnTo>
                <a:pt x="6433" y="5337"/>
              </a:lnTo>
              <a:lnTo>
                <a:pt x="6031" y="5337"/>
              </a:lnTo>
              <a:lnTo>
                <a:pt x="5528" y="5213"/>
              </a:lnTo>
              <a:lnTo>
                <a:pt x="5126" y="5585"/>
              </a:lnTo>
              <a:lnTo>
                <a:pt x="4523" y="5461"/>
              </a:lnTo>
              <a:lnTo>
                <a:pt x="4222" y="5710"/>
              </a:lnTo>
              <a:lnTo>
                <a:pt x="4121" y="6082"/>
              </a:lnTo>
              <a:lnTo>
                <a:pt x="4121" y="6578"/>
              </a:lnTo>
              <a:lnTo>
                <a:pt x="3920" y="6703"/>
              </a:lnTo>
              <a:lnTo>
                <a:pt x="3719" y="7571"/>
              </a:lnTo>
              <a:lnTo>
                <a:pt x="3418" y="8316"/>
              </a:lnTo>
              <a:lnTo>
                <a:pt x="3116" y="8440"/>
              </a:lnTo>
              <a:lnTo>
                <a:pt x="2513" y="8316"/>
              </a:lnTo>
              <a:lnTo>
                <a:pt x="2010" y="8440"/>
              </a:lnTo>
              <a:lnTo>
                <a:pt x="1508" y="8813"/>
              </a:lnTo>
              <a:lnTo>
                <a:pt x="603" y="9061"/>
              </a:lnTo>
              <a:lnTo>
                <a:pt x="0" y="9681"/>
              </a:lnTo>
              <a:lnTo>
                <a:pt x="0" y="11792"/>
              </a:lnTo>
              <a:lnTo>
                <a:pt x="704" y="12412"/>
              </a:lnTo>
              <a:lnTo>
                <a:pt x="1005" y="13157"/>
              </a:lnTo>
              <a:lnTo>
                <a:pt x="1106" y="13405"/>
              </a:lnTo>
              <a:lnTo>
                <a:pt x="1307" y="13281"/>
              </a:lnTo>
              <a:lnTo>
                <a:pt x="2111" y="13157"/>
              </a:lnTo>
              <a:lnTo>
                <a:pt x="2613" y="12412"/>
              </a:lnTo>
              <a:lnTo>
                <a:pt x="3216" y="12536"/>
              </a:lnTo>
              <a:lnTo>
                <a:pt x="4021" y="12412"/>
              </a:lnTo>
              <a:lnTo>
                <a:pt x="4423" y="12660"/>
              </a:lnTo>
              <a:lnTo>
                <a:pt x="5026" y="12660"/>
              </a:lnTo>
              <a:lnTo>
                <a:pt x="5327" y="13033"/>
              </a:lnTo>
              <a:lnTo>
                <a:pt x="6533" y="13033"/>
              </a:lnTo>
              <a:lnTo>
                <a:pt x="6835" y="13281"/>
              </a:lnTo>
              <a:lnTo>
                <a:pt x="6533" y="14026"/>
              </a:lnTo>
              <a:lnTo>
                <a:pt x="6835" y="14026"/>
              </a:lnTo>
              <a:lnTo>
                <a:pt x="7137" y="14522"/>
              </a:lnTo>
              <a:lnTo>
                <a:pt x="7740" y="14770"/>
              </a:lnTo>
              <a:lnTo>
                <a:pt x="7840" y="15143"/>
              </a:lnTo>
              <a:lnTo>
                <a:pt x="8644" y="15019"/>
              </a:lnTo>
              <a:lnTo>
                <a:pt x="9247" y="14398"/>
              </a:lnTo>
              <a:lnTo>
                <a:pt x="10052" y="14026"/>
              </a:lnTo>
              <a:lnTo>
                <a:pt x="10253" y="13405"/>
              </a:lnTo>
              <a:lnTo>
                <a:pt x="10454" y="14026"/>
              </a:lnTo>
              <a:lnTo>
                <a:pt x="11157" y="14026"/>
              </a:lnTo>
              <a:lnTo>
                <a:pt x="11459" y="14522"/>
              </a:lnTo>
              <a:lnTo>
                <a:pt x="10956" y="14895"/>
              </a:lnTo>
              <a:lnTo>
                <a:pt x="10655" y="15019"/>
              </a:lnTo>
              <a:lnTo>
                <a:pt x="10454" y="15888"/>
              </a:lnTo>
              <a:lnTo>
                <a:pt x="10956" y="1638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65571</xdr:colOff>
      <xdr:row>11</xdr:row>
      <xdr:rowOff>211351</xdr:rowOff>
    </xdr:from>
    <xdr:to>
      <xdr:col>26</xdr:col>
      <xdr:colOff>300595</xdr:colOff>
      <xdr:row>14</xdr:row>
      <xdr:rowOff>167123</xdr:rowOff>
    </xdr:to>
    <xdr:sp macro="" textlink="">
      <xdr:nvSpPr>
        <xdr:cNvPr id="29" name="d14204"/>
        <xdr:cNvSpPr>
          <a:spLocks/>
        </xdr:cNvSpPr>
      </xdr:nvSpPr>
      <xdr:spPr bwMode="auto">
        <a:xfrm>
          <a:off x="18385485" y="4473108"/>
          <a:ext cx="1106624" cy="90282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6256" y="11776"/>
              </a:moveTo>
              <a:lnTo>
                <a:pt x="16384" y="11093"/>
              </a:lnTo>
              <a:lnTo>
                <a:pt x="16000" y="10581"/>
              </a:lnTo>
              <a:lnTo>
                <a:pt x="15616" y="10240"/>
              </a:lnTo>
              <a:lnTo>
                <a:pt x="15616" y="9557"/>
              </a:lnTo>
              <a:lnTo>
                <a:pt x="15744" y="8704"/>
              </a:lnTo>
              <a:lnTo>
                <a:pt x="15360" y="8021"/>
              </a:lnTo>
              <a:lnTo>
                <a:pt x="14208" y="8192"/>
              </a:lnTo>
              <a:lnTo>
                <a:pt x="13696" y="8021"/>
              </a:lnTo>
              <a:lnTo>
                <a:pt x="13056" y="7680"/>
              </a:lnTo>
              <a:lnTo>
                <a:pt x="13056" y="6827"/>
              </a:lnTo>
              <a:lnTo>
                <a:pt x="12800" y="5461"/>
              </a:lnTo>
              <a:lnTo>
                <a:pt x="12544" y="5461"/>
              </a:lnTo>
              <a:lnTo>
                <a:pt x="11648" y="5461"/>
              </a:lnTo>
              <a:lnTo>
                <a:pt x="11136" y="5291"/>
              </a:lnTo>
              <a:lnTo>
                <a:pt x="10368" y="4437"/>
              </a:lnTo>
              <a:lnTo>
                <a:pt x="9728" y="3584"/>
              </a:lnTo>
              <a:lnTo>
                <a:pt x="9600" y="2901"/>
              </a:lnTo>
              <a:lnTo>
                <a:pt x="9344" y="1707"/>
              </a:lnTo>
              <a:lnTo>
                <a:pt x="8832" y="1365"/>
              </a:lnTo>
              <a:lnTo>
                <a:pt x="8448" y="2389"/>
              </a:lnTo>
              <a:lnTo>
                <a:pt x="7424" y="3243"/>
              </a:lnTo>
              <a:lnTo>
                <a:pt x="6272" y="2731"/>
              </a:lnTo>
              <a:lnTo>
                <a:pt x="5504" y="1877"/>
              </a:lnTo>
              <a:lnTo>
                <a:pt x="5248" y="2048"/>
              </a:lnTo>
              <a:lnTo>
                <a:pt x="4224" y="1536"/>
              </a:lnTo>
              <a:lnTo>
                <a:pt x="3328" y="1024"/>
              </a:lnTo>
              <a:lnTo>
                <a:pt x="2432" y="0"/>
              </a:lnTo>
              <a:lnTo>
                <a:pt x="2048" y="1365"/>
              </a:lnTo>
              <a:lnTo>
                <a:pt x="1408" y="1877"/>
              </a:lnTo>
              <a:lnTo>
                <a:pt x="1280" y="2389"/>
              </a:lnTo>
              <a:lnTo>
                <a:pt x="1536" y="2901"/>
              </a:lnTo>
              <a:lnTo>
                <a:pt x="2560" y="2901"/>
              </a:lnTo>
              <a:lnTo>
                <a:pt x="2944" y="4608"/>
              </a:lnTo>
              <a:lnTo>
                <a:pt x="3584" y="4779"/>
              </a:lnTo>
              <a:lnTo>
                <a:pt x="3456" y="5973"/>
              </a:lnTo>
              <a:lnTo>
                <a:pt x="4096" y="5973"/>
              </a:lnTo>
              <a:lnTo>
                <a:pt x="4480" y="6485"/>
              </a:lnTo>
              <a:lnTo>
                <a:pt x="4096" y="7339"/>
              </a:lnTo>
              <a:lnTo>
                <a:pt x="3200" y="8704"/>
              </a:lnTo>
              <a:lnTo>
                <a:pt x="2560" y="8704"/>
              </a:lnTo>
              <a:lnTo>
                <a:pt x="2304" y="9216"/>
              </a:lnTo>
              <a:lnTo>
                <a:pt x="1920" y="10240"/>
              </a:lnTo>
              <a:lnTo>
                <a:pt x="1536" y="10581"/>
              </a:lnTo>
              <a:lnTo>
                <a:pt x="1408" y="11776"/>
              </a:lnTo>
              <a:lnTo>
                <a:pt x="1408" y="12629"/>
              </a:lnTo>
              <a:lnTo>
                <a:pt x="1152" y="13312"/>
              </a:lnTo>
              <a:lnTo>
                <a:pt x="512" y="13824"/>
              </a:lnTo>
              <a:lnTo>
                <a:pt x="0" y="15019"/>
              </a:lnTo>
              <a:lnTo>
                <a:pt x="384" y="14848"/>
              </a:lnTo>
              <a:lnTo>
                <a:pt x="512" y="15189"/>
              </a:lnTo>
              <a:lnTo>
                <a:pt x="1152" y="15360"/>
              </a:lnTo>
              <a:lnTo>
                <a:pt x="2048" y="15360"/>
              </a:lnTo>
              <a:lnTo>
                <a:pt x="2816" y="15360"/>
              </a:lnTo>
              <a:lnTo>
                <a:pt x="3584" y="15531"/>
              </a:lnTo>
              <a:lnTo>
                <a:pt x="4096" y="15701"/>
              </a:lnTo>
              <a:lnTo>
                <a:pt x="4736" y="16213"/>
              </a:lnTo>
              <a:lnTo>
                <a:pt x="5632" y="16384"/>
              </a:lnTo>
              <a:lnTo>
                <a:pt x="6016" y="16384"/>
              </a:lnTo>
              <a:lnTo>
                <a:pt x="6784" y="16043"/>
              </a:lnTo>
              <a:lnTo>
                <a:pt x="7040" y="15019"/>
              </a:lnTo>
              <a:lnTo>
                <a:pt x="7296" y="14677"/>
              </a:lnTo>
              <a:lnTo>
                <a:pt x="8192" y="14848"/>
              </a:lnTo>
              <a:lnTo>
                <a:pt x="8832" y="14848"/>
              </a:lnTo>
              <a:lnTo>
                <a:pt x="9472" y="15360"/>
              </a:lnTo>
              <a:lnTo>
                <a:pt x="9728" y="16043"/>
              </a:lnTo>
              <a:lnTo>
                <a:pt x="10624" y="15701"/>
              </a:lnTo>
              <a:lnTo>
                <a:pt x="11520" y="14848"/>
              </a:lnTo>
              <a:lnTo>
                <a:pt x="12160" y="14677"/>
              </a:lnTo>
              <a:lnTo>
                <a:pt x="12928" y="13653"/>
              </a:lnTo>
              <a:lnTo>
                <a:pt x="13440" y="13653"/>
              </a:lnTo>
              <a:lnTo>
                <a:pt x="14720" y="12800"/>
              </a:lnTo>
              <a:lnTo>
                <a:pt x="14976" y="12629"/>
              </a:lnTo>
              <a:lnTo>
                <a:pt x="15744" y="11776"/>
              </a:lnTo>
              <a:lnTo>
                <a:pt x="16256" y="1177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269843</xdr:colOff>
      <xdr:row>8</xdr:row>
      <xdr:rowOff>299539</xdr:rowOff>
    </xdr:from>
    <xdr:to>
      <xdr:col>25</xdr:col>
      <xdr:colOff>187701</xdr:colOff>
      <xdr:row>14</xdr:row>
      <xdr:rowOff>115804</xdr:rowOff>
    </xdr:to>
    <xdr:sp macro="" textlink="">
      <xdr:nvSpPr>
        <xdr:cNvPr id="30" name="d14205"/>
        <xdr:cNvSpPr>
          <a:spLocks/>
        </xdr:cNvSpPr>
      </xdr:nvSpPr>
      <xdr:spPr bwMode="auto">
        <a:xfrm>
          <a:off x="17141793" y="3582489"/>
          <a:ext cx="1175158" cy="168316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w 16384"/>
            <a:gd name="T169" fmla="*/ 0 h 16384"/>
            <a:gd name="T170" fmla="*/ 16384 w 16384"/>
            <a:gd name="T171" fmla="*/ 16384 h 16384"/>
          </a:gdLst>
          <a:ahLst/>
          <a:cxnLst>
            <a:cxn ang="T112">
              <a:pos x="T0" y="T1"/>
            </a:cxn>
            <a:cxn ang="T113">
              <a:pos x="T2" y="T3"/>
            </a:cxn>
            <a:cxn ang="T114">
              <a:pos x="T4" y="T5"/>
            </a:cxn>
            <a:cxn ang="T115">
              <a:pos x="T6" y="T7"/>
            </a:cxn>
            <a:cxn ang="T116">
              <a:pos x="T8" y="T9"/>
            </a:cxn>
            <a:cxn ang="T117">
              <a:pos x="T10" y="T11"/>
            </a:cxn>
            <a:cxn ang="T118">
              <a:pos x="T12" y="T13"/>
            </a:cxn>
            <a:cxn ang="T119">
              <a:pos x="T14" y="T15"/>
            </a:cxn>
            <a:cxn ang="T120">
              <a:pos x="T16" y="T17"/>
            </a:cxn>
            <a:cxn ang="T121">
              <a:pos x="T18" y="T19"/>
            </a:cxn>
            <a:cxn ang="T122">
              <a:pos x="T20" y="T21"/>
            </a:cxn>
            <a:cxn ang="T123">
              <a:pos x="T22" y="T23"/>
            </a:cxn>
            <a:cxn ang="T124">
              <a:pos x="T24" y="T25"/>
            </a:cxn>
            <a:cxn ang="T125">
              <a:pos x="T26" y="T27"/>
            </a:cxn>
            <a:cxn ang="T126">
              <a:pos x="T28" y="T29"/>
            </a:cxn>
            <a:cxn ang="T127">
              <a:pos x="T30" y="T31"/>
            </a:cxn>
            <a:cxn ang="T128">
              <a:pos x="T32" y="T33"/>
            </a:cxn>
            <a:cxn ang="T129">
              <a:pos x="T34" y="T35"/>
            </a:cxn>
            <a:cxn ang="T130">
              <a:pos x="T36" y="T37"/>
            </a:cxn>
            <a:cxn ang="T131">
              <a:pos x="T38" y="T39"/>
            </a:cxn>
            <a:cxn ang="T132">
              <a:pos x="T40" y="T41"/>
            </a:cxn>
            <a:cxn ang="T133">
              <a:pos x="T42" y="T43"/>
            </a:cxn>
            <a:cxn ang="T134">
              <a:pos x="T44" y="T45"/>
            </a:cxn>
            <a:cxn ang="T135">
              <a:pos x="T46" y="T47"/>
            </a:cxn>
            <a:cxn ang="T136">
              <a:pos x="T48" y="T49"/>
            </a:cxn>
            <a:cxn ang="T137">
              <a:pos x="T50" y="T51"/>
            </a:cxn>
            <a:cxn ang="T138">
              <a:pos x="T52" y="T53"/>
            </a:cxn>
            <a:cxn ang="T139">
              <a:pos x="T54" y="T55"/>
            </a:cxn>
            <a:cxn ang="T140">
              <a:pos x="T56" y="T57"/>
            </a:cxn>
            <a:cxn ang="T141">
              <a:pos x="T58" y="T59"/>
            </a:cxn>
            <a:cxn ang="T142">
              <a:pos x="T60" y="T61"/>
            </a:cxn>
            <a:cxn ang="T143">
              <a:pos x="T62" y="T63"/>
            </a:cxn>
            <a:cxn ang="T144">
              <a:pos x="T64" y="T65"/>
            </a:cxn>
            <a:cxn ang="T145">
              <a:pos x="T66" y="T67"/>
            </a:cxn>
            <a:cxn ang="T146">
              <a:pos x="T68" y="T69"/>
            </a:cxn>
            <a:cxn ang="T147">
              <a:pos x="T70" y="T71"/>
            </a:cxn>
            <a:cxn ang="T148">
              <a:pos x="T72" y="T73"/>
            </a:cxn>
            <a:cxn ang="T149">
              <a:pos x="T74" y="T75"/>
            </a:cxn>
            <a:cxn ang="T150">
              <a:pos x="T76" y="T77"/>
            </a:cxn>
            <a:cxn ang="T151">
              <a:pos x="T78" y="T79"/>
            </a:cxn>
            <a:cxn ang="T152">
              <a:pos x="T80" y="T81"/>
            </a:cxn>
            <a:cxn ang="T153">
              <a:pos x="T82" y="T83"/>
            </a:cxn>
            <a:cxn ang="T154">
              <a:pos x="T84" y="T85"/>
            </a:cxn>
            <a:cxn ang="T155">
              <a:pos x="T86" y="T87"/>
            </a:cxn>
            <a:cxn ang="T156">
              <a:pos x="T88" y="T89"/>
            </a:cxn>
            <a:cxn ang="T157">
              <a:pos x="T90" y="T91"/>
            </a:cxn>
            <a:cxn ang="T158">
              <a:pos x="T92" y="T93"/>
            </a:cxn>
            <a:cxn ang="T159">
              <a:pos x="T94" y="T95"/>
            </a:cxn>
            <a:cxn ang="T160">
              <a:pos x="T96" y="T97"/>
            </a:cxn>
            <a:cxn ang="T161">
              <a:pos x="T98" y="T99"/>
            </a:cxn>
            <a:cxn ang="T162">
              <a:pos x="T100" y="T101"/>
            </a:cxn>
            <a:cxn ang="T163">
              <a:pos x="T102" y="T103"/>
            </a:cxn>
            <a:cxn ang="T164">
              <a:pos x="T104" y="T105"/>
            </a:cxn>
            <a:cxn ang="T165">
              <a:pos x="T106" y="T107"/>
            </a:cxn>
            <a:cxn ang="T166">
              <a:pos x="T108" y="T109"/>
            </a:cxn>
            <a:cxn ang="T167">
              <a:pos x="T110" y="T111"/>
            </a:cxn>
          </a:cxnLst>
          <a:rect l="T168" t="T169" r="T170" b="T171"/>
          <a:pathLst>
            <a:path w="16384" h="16384">
              <a:moveTo>
                <a:pt x="12260" y="5941"/>
              </a:moveTo>
              <a:lnTo>
                <a:pt x="12037" y="5851"/>
              </a:lnTo>
              <a:lnTo>
                <a:pt x="11814" y="5581"/>
              </a:lnTo>
              <a:lnTo>
                <a:pt x="11368" y="5311"/>
              </a:lnTo>
              <a:lnTo>
                <a:pt x="11368" y="4861"/>
              </a:lnTo>
              <a:lnTo>
                <a:pt x="11257" y="4411"/>
              </a:lnTo>
              <a:lnTo>
                <a:pt x="11034" y="4051"/>
              </a:lnTo>
              <a:lnTo>
                <a:pt x="11146" y="3601"/>
              </a:lnTo>
              <a:lnTo>
                <a:pt x="11034" y="3241"/>
              </a:lnTo>
              <a:lnTo>
                <a:pt x="11146" y="2701"/>
              </a:lnTo>
              <a:lnTo>
                <a:pt x="11257" y="2161"/>
              </a:lnTo>
              <a:lnTo>
                <a:pt x="11257" y="1800"/>
              </a:lnTo>
              <a:lnTo>
                <a:pt x="10923" y="1530"/>
              </a:lnTo>
              <a:lnTo>
                <a:pt x="10477" y="1260"/>
              </a:lnTo>
              <a:lnTo>
                <a:pt x="9697" y="990"/>
              </a:lnTo>
              <a:lnTo>
                <a:pt x="9808" y="180"/>
              </a:lnTo>
              <a:lnTo>
                <a:pt x="9362" y="0"/>
              </a:lnTo>
              <a:lnTo>
                <a:pt x="9139" y="1080"/>
              </a:lnTo>
              <a:lnTo>
                <a:pt x="8694" y="990"/>
              </a:lnTo>
              <a:lnTo>
                <a:pt x="8136" y="900"/>
              </a:lnTo>
              <a:lnTo>
                <a:pt x="7690" y="720"/>
              </a:lnTo>
              <a:lnTo>
                <a:pt x="7356" y="450"/>
              </a:lnTo>
              <a:lnTo>
                <a:pt x="6799" y="720"/>
              </a:lnTo>
              <a:lnTo>
                <a:pt x="8025" y="1530"/>
              </a:lnTo>
              <a:lnTo>
                <a:pt x="8471" y="1980"/>
              </a:lnTo>
              <a:lnTo>
                <a:pt x="8025" y="2971"/>
              </a:lnTo>
              <a:lnTo>
                <a:pt x="7133" y="2971"/>
              </a:lnTo>
              <a:lnTo>
                <a:pt x="7245" y="3331"/>
              </a:lnTo>
              <a:lnTo>
                <a:pt x="6687" y="3151"/>
              </a:lnTo>
              <a:lnTo>
                <a:pt x="6576" y="2521"/>
              </a:lnTo>
              <a:lnTo>
                <a:pt x="6130" y="2161"/>
              </a:lnTo>
              <a:lnTo>
                <a:pt x="5127" y="1710"/>
              </a:lnTo>
              <a:lnTo>
                <a:pt x="4235" y="1710"/>
              </a:lnTo>
              <a:lnTo>
                <a:pt x="4235" y="2071"/>
              </a:lnTo>
              <a:lnTo>
                <a:pt x="2786" y="1800"/>
              </a:lnTo>
              <a:lnTo>
                <a:pt x="2341" y="2611"/>
              </a:lnTo>
              <a:lnTo>
                <a:pt x="1783" y="3241"/>
              </a:lnTo>
              <a:lnTo>
                <a:pt x="1560" y="3871"/>
              </a:lnTo>
              <a:lnTo>
                <a:pt x="1226" y="3961"/>
              </a:lnTo>
              <a:lnTo>
                <a:pt x="892" y="4231"/>
              </a:lnTo>
              <a:lnTo>
                <a:pt x="557" y="4051"/>
              </a:lnTo>
              <a:lnTo>
                <a:pt x="223" y="4051"/>
              </a:lnTo>
              <a:lnTo>
                <a:pt x="0" y="4501"/>
              </a:lnTo>
              <a:lnTo>
                <a:pt x="446" y="4591"/>
              </a:lnTo>
              <a:lnTo>
                <a:pt x="223" y="5401"/>
              </a:lnTo>
              <a:lnTo>
                <a:pt x="892" y="5401"/>
              </a:lnTo>
              <a:lnTo>
                <a:pt x="780" y="6212"/>
              </a:lnTo>
              <a:lnTo>
                <a:pt x="1226" y="6842"/>
              </a:lnTo>
              <a:lnTo>
                <a:pt x="1449" y="7112"/>
              </a:lnTo>
              <a:lnTo>
                <a:pt x="3121" y="6212"/>
              </a:lnTo>
              <a:lnTo>
                <a:pt x="3901" y="6392"/>
              </a:lnTo>
              <a:lnTo>
                <a:pt x="4904" y="6302"/>
              </a:lnTo>
              <a:lnTo>
                <a:pt x="5238" y="6932"/>
              </a:lnTo>
              <a:lnTo>
                <a:pt x="4904" y="7382"/>
              </a:lnTo>
              <a:lnTo>
                <a:pt x="4904" y="7652"/>
              </a:lnTo>
              <a:lnTo>
                <a:pt x="4570" y="7922"/>
              </a:lnTo>
              <a:lnTo>
                <a:pt x="4904" y="8102"/>
              </a:lnTo>
              <a:lnTo>
                <a:pt x="5238" y="7652"/>
              </a:lnTo>
              <a:lnTo>
                <a:pt x="5461" y="7742"/>
              </a:lnTo>
              <a:lnTo>
                <a:pt x="5350" y="8372"/>
              </a:lnTo>
              <a:lnTo>
                <a:pt x="6242" y="8282"/>
              </a:lnTo>
              <a:lnTo>
                <a:pt x="6130" y="8822"/>
              </a:lnTo>
              <a:lnTo>
                <a:pt x="5796" y="9002"/>
              </a:lnTo>
              <a:lnTo>
                <a:pt x="5684" y="9452"/>
              </a:lnTo>
              <a:lnTo>
                <a:pt x="5796" y="10172"/>
              </a:lnTo>
              <a:lnTo>
                <a:pt x="6242" y="10533"/>
              </a:lnTo>
              <a:lnTo>
                <a:pt x="6464" y="10983"/>
              </a:lnTo>
              <a:lnTo>
                <a:pt x="6464" y="11343"/>
              </a:lnTo>
              <a:lnTo>
                <a:pt x="6799" y="11793"/>
              </a:lnTo>
              <a:lnTo>
                <a:pt x="6687" y="12423"/>
              </a:lnTo>
              <a:lnTo>
                <a:pt x="6464" y="13053"/>
              </a:lnTo>
              <a:lnTo>
                <a:pt x="6242" y="13593"/>
              </a:lnTo>
              <a:lnTo>
                <a:pt x="6019" y="14223"/>
              </a:lnTo>
              <a:lnTo>
                <a:pt x="5907" y="14764"/>
              </a:lnTo>
              <a:lnTo>
                <a:pt x="6687" y="14764"/>
              </a:lnTo>
              <a:lnTo>
                <a:pt x="7356" y="14854"/>
              </a:lnTo>
              <a:lnTo>
                <a:pt x="8136" y="14944"/>
              </a:lnTo>
              <a:lnTo>
                <a:pt x="9139" y="15034"/>
              </a:lnTo>
              <a:lnTo>
                <a:pt x="9920" y="15304"/>
              </a:lnTo>
              <a:lnTo>
                <a:pt x="10588" y="15484"/>
              </a:lnTo>
              <a:lnTo>
                <a:pt x="11146" y="16024"/>
              </a:lnTo>
              <a:lnTo>
                <a:pt x="11814" y="16384"/>
              </a:lnTo>
              <a:lnTo>
                <a:pt x="12149" y="16384"/>
              </a:lnTo>
              <a:lnTo>
                <a:pt x="12483" y="16294"/>
              </a:lnTo>
              <a:lnTo>
                <a:pt x="12929" y="15664"/>
              </a:lnTo>
              <a:lnTo>
                <a:pt x="13486" y="15394"/>
              </a:lnTo>
              <a:lnTo>
                <a:pt x="13709" y="15034"/>
              </a:lnTo>
              <a:lnTo>
                <a:pt x="13709" y="14584"/>
              </a:lnTo>
              <a:lnTo>
                <a:pt x="13821" y="13953"/>
              </a:lnTo>
              <a:lnTo>
                <a:pt x="14155" y="13773"/>
              </a:lnTo>
              <a:lnTo>
                <a:pt x="14489" y="13233"/>
              </a:lnTo>
              <a:lnTo>
                <a:pt x="14712" y="12963"/>
              </a:lnTo>
              <a:lnTo>
                <a:pt x="15269" y="12963"/>
              </a:lnTo>
              <a:lnTo>
                <a:pt x="16050" y="12243"/>
              </a:lnTo>
              <a:lnTo>
                <a:pt x="16384" y="11793"/>
              </a:lnTo>
              <a:lnTo>
                <a:pt x="16050" y="11523"/>
              </a:lnTo>
              <a:lnTo>
                <a:pt x="15492" y="11523"/>
              </a:lnTo>
              <a:lnTo>
                <a:pt x="15604" y="10893"/>
              </a:lnTo>
              <a:lnTo>
                <a:pt x="15047" y="10803"/>
              </a:lnTo>
              <a:lnTo>
                <a:pt x="14712" y="9902"/>
              </a:lnTo>
              <a:lnTo>
                <a:pt x="13821" y="9902"/>
              </a:lnTo>
              <a:lnTo>
                <a:pt x="13598" y="9632"/>
              </a:lnTo>
              <a:lnTo>
                <a:pt x="13040" y="9722"/>
              </a:lnTo>
              <a:lnTo>
                <a:pt x="12372" y="9542"/>
              </a:lnTo>
              <a:lnTo>
                <a:pt x="12483" y="8912"/>
              </a:lnTo>
              <a:lnTo>
                <a:pt x="12706" y="8372"/>
              </a:lnTo>
              <a:lnTo>
                <a:pt x="12929" y="7922"/>
              </a:lnTo>
              <a:lnTo>
                <a:pt x="13375" y="7652"/>
              </a:lnTo>
              <a:lnTo>
                <a:pt x="13486" y="7382"/>
              </a:lnTo>
              <a:lnTo>
                <a:pt x="13263" y="6932"/>
              </a:lnTo>
              <a:lnTo>
                <a:pt x="12929" y="6662"/>
              </a:lnTo>
              <a:lnTo>
                <a:pt x="12483" y="6482"/>
              </a:lnTo>
              <a:lnTo>
                <a:pt x="12260" y="594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463033</xdr:colOff>
      <xdr:row>13</xdr:row>
      <xdr:rowOff>101416</xdr:rowOff>
    </xdr:from>
    <xdr:to>
      <xdr:col>21</xdr:col>
      <xdr:colOff>24712</xdr:colOff>
      <xdr:row>19</xdr:row>
      <xdr:rowOff>291852</xdr:rowOff>
    </xdr:to>
    <xdr:sp macro="" textlink="">
      <xdr:nvSpPr>
        <xdr:cNvPr id="31" name="d14206"/>
        <xdr:cNvSpPr>
          <a:spLocks/>
        </xdr:cNvSpPr>
      </xdr:nvSpPr>
      <xdr:spPr bwMode="auto">
        <a:xfrm>
          <a:off x="13975833" y="4940116"/>
          <a:ext cx="1663529" cy="205733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w 16384"/>
            <a:gd name="T178" fmla="*/ 0 h 16384"/>
            <a:gd name="T179" fmla="*/ 16384 w 16384"/>
            <a:gd name="T180" fmla="*/ 16384 h 16384"/>
          </a:gdLst>
          <a:ahLst/>
          <a:cxnLst>
            <a:cxn ang="T118">
              <a:pos x="T0" y="T1"/>
            </a:cxn>
            <a:cxn ang="T119">
              <a:pos x="T2" y="T3"/>
            </a:cxn>
            <a:cxn ang="T120">
              <a:pos x="T4" y="T5"/>
            </a:cxn>
            <a:cxn ang="T121">
              <a:pos x="T6" y="T7"/>
            </a:cxn>
            <a:cxn ang="T122">
              <a:pos x="T8" y="T9"/>
            </a:cxn>
            <a:cxn ang="T123">
              <a:pos x="T10" y="T11"/>
            </a:cxn>
            <a:cxn ang="T124">
              <a:pos x="T12" y="T13"/>
            </a:cxn>
            <a:cxn ang="T125">
              <a:pos x="T14" y="T15"/>
            </a:cxn>
            <a:cxn ang="T126">
              <a:pos x="T16" y="T17"/>
            </a:cxn>
            <a:cxn ang="T127">
              <a:pos x="T18" y="T19"/>
            </a:cxn>
            <a:cxn ang="T128">
              <a:pos x="T20" y="T21"/>
            </a:cxn>
            <a:cxn ang="T129">
              <a:pos x="T22" y="T23"/>
            </a:cxn>
            <a:cxn ang="T130">
              <a:pos x="T24" y="T25"/>
            </a:cxn>
            <a:cxn ang="T131">
              <a:pos x="T26" y="T27"/>
            </a:cxn>
            <a:cxn ang="T132">
              <a:pos x="T28" y="T29"/>
            </a:cxn>
            <a:cxn ang="T133">
              <a:pos x="T30" y="T31"/>
            </a:cxn>
            <a:cxn ang="T134">
              <a:pos x="T32" y="T33"/>
            </a:cxn>
            <a:cxn ang="T135">
              <a:pos x="T34" y="T35"/>
            </a:cxn>
            <a:cxn ang="T136">
              <a:pos x="T36" y="T37"/>
            </a:cxn>
            <a:cxn ang="T137">
              <a:pos x="T38" y="T39"/>
            </a:cxn>
            <a:cxn ang="T138">
              <a:pos x="T40" y="T41"/>
            </a:cxn>
            <a:cxn ang="T139">
              <a:pos x="T42" y="T43"/>
            </a:cxn>
            <a:cxn ang="T140">
              <a:pos x="T44" y="T45"/>
            </a:cxn>
            <a:cxn ang="T141">
              <a:pos x="T46" y="T47"/>
            </a:cxn>
            <a:cxn ang="T142">
              <a:pos x="T48" y="T49"/>
            </a:cxn>
            <a:cxn ang="T143">
              <a:pos x="T50" y="T51"/>
            </a:cxn>
            <a:cxn ang="T144">
              <a:pos x="T52" y="T53"/>
            </a:cxn>
            <a:cxn ang="T145">
              <a:pos x="T54" y="T55"/>
            </a:cxn>
            <a:cxn ang="T146">
              <a:pos x="T56" y="T57"/>
            </a:cxn>
            <a:cxn ang="T147">
              <a:pos x="T58" y="T59"/>
            </a:cxn>
            <a:cxn ang="T148">
              <a:pos x="T60" y="T61"/>
            </a:cxn>
            <a:cxn ang="T149">
              <a:pos x="T62" y="T63"/>
            </a:cxn>
            <a:cxn ang="T150">
              <a:pos x="T64" y="T65"/>
            </a:cxn>
            <a:cxn ang="T151">
              <a:pos x="T66" y="T67"/>
            </a:cxn>
            <a:cxn ang="T152">
              <a:pos x="T68" y="T69"/>
            </a:cxn>
            <a:cxn ang="T153">
              <a:pos x="T70" y="T71"/>
            </a:cxn>
            <a:cxn ang="T154">
              <a:pos x="T72" y="T73"/>
            </a:cxn>
            <a:cxn ang="T155">
              <a:pos x="T74" y="T75"/>
            </a:cxn>
            <a:cxn ang="T156">
              <a:pos x="T76" y="T77"/>
            </a:cxn>
            <a:cxn ang="T157">
              <a:pos x="T78" y="T79"/>
            </a:cxn>
            <a:cxn ang="T158">
              <a:pos x="T80" y="T81"/>
            </a:cxn>
            <a:cxn ang="T159">
              <a:pos x="T82" y="T83"/>
            </a:cxn>
            <a:cxn ang="T160">
              <a:pos x="T84" y="T85"/>
            </a:cxn>
            <a:cxn ang="T161">
              <a:pos x="T86" y="T87"/>
            </a:cxn>
            <a:cxn ang="T162">
              <a:pos x="T88" y="T89"/>
            </a:cxn>
            <a:cxn ang="T163">
              <a:pos x="T90" y="T91"/>
            </a:cxn>
            <a:cxn ang="T164">
              <a:pos x="T92" y="T93"/>
            </a:cxn>
            <a:cxn ang="T165">
              <a:pos x="T94" y="T95"/>
            </a:cxn>
            <a:cxn ang="T166">
              <a:pos x="T96" y="T97"/>
            </a:cxn>
            <a:cxn ang="T167">
              <a:pos x="T98" y="T99"/>
            </a:cxn>
            <a:cxn ang="T168">
              <a:pos x="T100" y="T101"/>
            </a:cxn>
            <a:cxn ang="T169">
              <a:pos x="T102" y="T103"/>
            </a:cxn>
            <a:cxn ang="T170">
              <a:pos x="T104" y="T105"/>
            </a:cxn>
            <a:cxn ang="T171">
              <a:pos x="T106" y="T107"/>
            </a:cxn>
            <a:cxn ang="T172">
              <a:pos x="T108" y="T109"/>
            </a:cxn>
            <a:cxn ang="T173">
              <a:pos x="T110" y="T111"/>
            </a:cxn>
            <a:cxn ang="T174">
              <a:pos x="T112" y="T113"/>
            </a:cxn>
            <a:cxn ang="T175">
              <a:pos x="T114" y="T115"/>
            </a:cxn>
            <a:cxn ang="T176">
              <a:pos x="T116" y="T117"/>
            </a:cxn>
          </a:cxnLst>
          <a:rect l="T177" t="T178" r="T179" b="T180"/>
          <a:pathLst>
            <a:path w="16384" h="16384">
              <a:moveTo>
                <a:pt x="16154" y="4596"/>
              </a:moveTo>
              <a:lnTo>
                <a:pt x="16001" y="4152"/>
              </a:lnTo>
              <a:lnTo>
                <a:pt x="16078" y="3855"/>
              </a:lnTo>
              <a:lnTo>
                <a:pt x="16231" y="3633"/>
              </a:lnTo>
              <a:lnTo>
                <a:pt x="16231" y="3559"/>
              </a:lnTo>
              <a:lnTo>
                <a:pt x="16078" y="3484"/>
              </a:lnTo>
              <a:lnTo>
                <a:pt x="16307" y="3188"/>
              </a:lnTo>
              <a:lnTo>
                <a:pt x="16307" y="2817"/>
              </a:lnTo>
              <a:lnTo>
                <a:pt x="16307" y="2669"/>
              </a:lnTo>
              <a:lnTo>
                <a:pt x="16231" y="2372"/>
              </a:lnTo>
              <a:lnTo>
                <a:pt x="16307" y="2150"/>
              </a:lnTo>
              <a:lnTo>
                <a:pt x="16384" y="1631"/>
              </a:lnTo>
              <a:lnTo>
                <a:pt x="16078" y="1483"/>
              </a:lnTo>
              <a:lnTo>
                <a:pt x="15925" y="1260"/>
              </a:lnTo>
              <a:lnTo>
                <a:pt x="15848" y="1038"/>
              </a:lnTo>
              <a:lnTo>
                <a:pt x="15695" y="1112"/>
              </a:lnTo>
              <a:lnTo>
                <a:pt x="15312" y="1483"/>
              </a:lnTo>
              <a:lnTo>
                <a:pt x="14853" y="1409"/>
              </a:lnTo>
              <a:lnTo>
                <a:pt x="14240" y="1260"/>
              </a:lnTo>
              <a:lnTo>
                <a:pt x="13857" y="1631"/>
              </a:lnTo>
              <a:lnTo>
                <a:pt x="13551" y="1928"/>
              </a:lnTo>
              <a:lnTo>
                <a:pt x="13168" y="2150"/>
              </a:lnTo>
              <a:lnTo>
                <a:pt x="13092" y="1779"/>
              </a:lnTo>
              <a:lnTo>
                <a:pt x="12862" y="1557"/>
              </a:lnTo>
              <a:lnTo>
                <a:pt x="12709" y="1483"/>
              </a:lnTo>
              <a:lnTo>
                <a:pt x="12250" y="1260"/>
              </a:lnTo>
              <a:lnTo>
                <a:pt x="11943" y="1038"/>
              </a:lnTo>
              <a:lnTo>
                <a:pt x="11714" y="741"/>
              </a:lnTo>
              <a:lnTo>
                <a:pt x="11331" y="222"/>
              </a:lnTo>
              <a:lnTo>
                <a:pt x="11254" y="74"/>
              </a:lnTo>
              <a:lnTo>
                <a:pt x="11101" y="0"/>
              </a:lnTo>
              <a:lnTo>
                <a:pt x="10948" y="148"/>
              </a:lnTo>
              <a:lnTo>
                <a:pt x="10336" y="222"/>
              </a:lnTo>
              <a:lnTo>
                <a:pt x="10259" y="371"/>
              </a:lnTo>
              <a:lnTo>
                <a:pt x="10183" y="741"/>
              </a:lnTo>
              <a:lnTo>
                <a:pt x="9953" y="890"/>
              </a:lnTo>
              <a:lnTo>
                <a:pt x="9800" y="1112"/>
              </a:lnTo>
              <a:lnTo>
                <a:pt x="9647" y="1334"/>
              </a:lnTo>
              <a:lnTo>
                <a:pt x="9570" y="1186"/>
              </a:lnTo>
              <a:lnTo>
                <a:pt x="9187" y="1483"/>
              </a:lnTo>
              <a:lnTo>
                <a:pt x="8804" y="1705"/>
              </a:lnTo>
              <a:lnTo>
                <a:pt x="8269" y="1705"/>
              </a:lnTo>
              <a:lnTo>
                <a:pt x="7580" y="519"/>
              </a:lnTo>
              <a:lnTo>
                <a:pt x="7273" y="593"/>
              </a:lnTo>
              <a:lnTo>
                <a:pt x="7197" y="964"/>
              </a:lnTo>
              <a:lnTo>
                <a:pt x="6814" y="1038"/>
              </a:lnTo>
              <a:lnTo>
                <a:pt x="6584" y="1186"/>
              </a:lnTo>
              <a:lnTo>
                <a:pt x="6508" y="1483"/>
              </a:lnTo>
              <a:lnTo>
                <a:pt x="6661" y="1705"/>
              </a:lnTo>
              <a:lnTo>
                <a:pt x="6737" y="1928"/>
              </a:lnTo>
              <a:lnTo>
                <a:pt x="6584" y="2150"/>
              </a:lnTo>
              <a:lnTo>
                <a:pt x="6508" y="2298"/>
              </a:lnTo>
              <a:lnTo>
                <a:pt x="6508" y="2595"/>
              </a:lnTo>
              <a:lnTo>
                <a:pt x="6584" y="2891"/>
              </a:lnTo>
              <a:lnTo>
                <a:pt x="6584" y="3040"/>
              </a:lnTo>
              <a:lnTo>
                <a:pt x="6737" y="3707"/>
              </a:lnTo>
              <a:lnTo>
                <a:pt x="6508" y="3781"/>
              </a:lnTo>
              <a:lnTo>
                <a:pt x="6584" y="4003"/>
              </a:lnTo>
              <a:lnTo>
                <a:pt x="6508" y="4226"/>
              </a:lnTo>
              <a:lnTo>
                <a:pt x="6355" y="4448"/>
              </a:lnTo>
              <a:lnTo>
                <a:pt x="6048" y="4596"/>
              </a:lnTo>
              <a:lnTo>
                <a:pt x="5665" y="4522"/>
              </a:lnTo>
              <a:lnTo>
                <a:pt x="5436" y="4596"/>
              </a:lnTo>
              <a:lnTo>
                <a:pt x="5436" y="4819"/>
              </a:lnTo>
              <a:lnTo>
                <a:pt x="5512" y="5190"/>
              </a:lnTo>
              <a:lnTo>
                <a:pt x="5053" y="5264"/>
              </a:lnTo>
              <a:lnTo>
                <a:pt x="4823" y="5264"/>
              </a:lnTo>
              <a:lnTo>
                <a:pt x="4287" y="5338"/>
              </a:lnTo>
              <a:lnTo>
                <a:pt x="2756" y="5486"/>
              </a:lnTo>
              <a:lnTo>
                <a:pt x="2603" y="5708"/>
              </a:lnTo>
              <a:lnTo>
                <a:pt x="1991" y="5783"/>
              </a:lnTo>
              <a:lnTo>
                <a:pt x="1455" y="6005"/>
              </a:lnTo>
              <a:lnTo>
                <a:pt x="1148" y="6005"/>
              </a:lnTo>
              <a:lnTo>
                <a:pt x="536" y="6005"/>
              </a:lnTo>
              <a:lnTo>
                <a:pt x="0" y="6153"/>
              </a:lnTo>
              <a:lnTo>
                <a:pt x="0" y="6302"/>
              </a:lnTo>
              <a:lnTo>
                <a:pt x="77" y="6524"/>
              </a:lnTo>
              <a:lnTo>
                <a:pt x="306" y="6820"/>
              </a:lnTo>
              <a:lnTo>
                <a:pt x="306" y="7191"/>
              </a:lnTo>
              <a:lnTo>
                <a:pt x="383" y="7562"/>
              </a:lnTo>
              <a:lnTo>
                <a:pt x="459" y="7784"/>
              </a:lnTo>
              <a:lnTo>
                <a:pt x="689" y="7784"/>
              </a:lnTo>
              <a:lnTo>
                <a:pt x="612" y="8081"/>
              </a:lnTo>
              <a:lnTo>
                <a:pt x="306" y="8229"/>
              </a:lnTo>
              <a:lnTo>
                <a:pt x="0" y="8451"/>
              </a:lnTo>
              <a:lnTo>
                <a:pt x="0" y="8748"/>
              </a:lnTo>
              <a:lnTo>
                <a:pt x="77" y="8896"/>
              </a:lnTo>
              <a:lnTo>
                <a:pt x="306" y="8822"/>
              </a:lnTo>
              <a:lnTo>
                <a:pt x="536" y="9341"/>
              </a:lnTo>
              <a:lnTo>
                <a:pt x="766" y="9341"/>
              </a:lnTo>
              <a:lnTo>
                <a:pt x="995" y="9193"/>
              </a:lnTo>
              <a:lnTo>
                <a:pt x="1148" y="9193"/>
              </a:lnTo>
              <a:lnTo>
                <a:pt x="1378" y="9489"/>
              </a:lnTo>
              <a:lnTo>
                <a:pt x="1608" y="9786"/>
              </a:lnTo>
              <a:lnTo>
                <a:pt x="1991" y="9934"/>
              </a:lnTo>
              <a:lnTo>
                <a:pt x="2220" y="9860"/>
              </a:lnTo>
              <a:lnTo>
                <a:pt x="2756" y="9638"/>
              </a:lnTo>
              <a:lnTo>
                <a:pt x="2756" y="9564"/>
              </a:lnTo>
              <a:lnTo>
                <a:pt x="2833" y="9193"/>
              </a:lnTo>
              <a:lnTo>
                <a:pt x="3062" y="9119"/>
              </a:lnTo>
              <a:lnTo>
                <a:pt x="3292" y="9193"/>
              </a:lnTo>
              <a:lnTo>
                <a:pt x="3445" y="9267"/>
              </a:lnTo>
              <a:lnTo>
                <a:pt x="3675" y="9489"/>
              </a:lnTo>
              <a:lnTo>
                <a:pt x="3828" y="9564"/>
              </a:lnTo>
              <a:lnTo>
                <a:pt x="4134" y="9564"/>
              </a:lnTo>
              <a:lnTo>
                <a:pt x="4441" y="9638"/>
              </a:lnTo>
              <a:lnTo>
                <a:pt x="4747" y="9638"/>
              </a:lnTo>
              <a:lnTo>
                <a:pt x="5436" y="9489"/>
              </a:lnTo>
              <a:lnTo>
                <a:pt x="5512" y="9564"/>
              </a:lnTo>
              <a:lnTo>
                <a:pt x="5436" y="9934"/>
              </a:lnTo>
              <a:lnTo>
                <a:pt x="5130" y="10157"/>
              </a:lnTo>
              <a:lnTo>
                <a:pt x="5053" y="10379"/>
              </a:lnTo>
              <a:lnTo>
                <a:pt x="5053" y="10601"/>
              </a:lnTo>
              <a:lnTo>
                <a:pt x="5053" y="10824"/>
              </a:lnTo>
              <a:lnTo>
                <a:pt x="4747" y="10972"/>
              </a:lnTo>
              <a:lnTo>
                <a:pt x="4364" y="10972"/>
              </a:lnTo>
              <a:lnTo>
                <a:pt x="3981" y="10972"/>
              </a:lnTo>
              <a:lnTo>
                <a:pt x="3828" y="11120"/>
              </a:lnTo>
              <a:lnTo>
                <a:pt x="3522" y="11194"/>
              </a:lnTo>
              <a:lnTo>
                <a:pt x="3139" y="11417"/>
              </a:lnTo>
              <a:lnTo>
                <a:pt x="2833" y="11639"/>
              </a:lnTo>
              <a:lnTo>
                <a:pt x="2603" y="11936"/>
              </a:lnTo>
              <a:lnTo>
                <a:pt x="2373" y="12010"/>
              </a:lnTo>
              <a:lnTo>
                <a:pt x="2144" y="12232"/>
              </a:lnTo>
              <a:lnTo>
                <a:pt x="2220" y="12529"/>
              </a:lnTo>
              <a:lnTo>
                <a:pt x="2144" y="12825"/>
              </a:lnTo>
              <a:lnTo>
                <a:pt x="1914" y="13122"/>
              </a:lnTo>
              <a:lnTo>
                <a:pt x="1837" y="13567"/>
              </a:lnTo>
              <a:lnTo>
                <a:pt x="1531" y="13715"/>
              </a:lnTo>
              <a:lnTo>
                <a:pt x="1531" y="14086"/>
              </a:lnTo>
              <a:lnTo>
                <a:pt x="1761" y="14234"/>
              </a:lnTo>
              <a:lnTo>
                <a:pt x="2220" y="14382"/>
              </a:lnTo>
              <a:lnTo>
                <a:pt x="2450" y="14382"/>
              </a:lnTo>
              <a:lnTo>
                <a:pt x="2756" y="14531"/>
              </a:lnTo>
              <a:lnTo>
                <a:pt x="3062" y="14901"/>
              </a:lnTo>
              <a:lnTo>
                <a:pt x="3522" y="14975"/>
              </a:lnTo>
              <a:lnTo>
                <a:pt x="3981" y="15124"/>
              </a:lnTo>
              <a:lnTo>
                <a:pt x="4364" y="15198"/>
              </a:lnTo>
              <a:lnTo>
                <a:pt x="4747" y="15346"/>
              </a:lnTo>
              <a:lnTo>
                <a:pt x="5589" y="15643"/>
              </a:lnTo>
              <a:lnTo>
                <a:pt x="6814" y="16384"/>
              </a:lnTo>
              <a:lnTo>
                <a:pt x="7044" y="16236"/>
              </a:lnTo>
              <a:lnTo>
                <a:pt x="6967" y="16013"/>
              </a:lnTo>
              <a:lnTo>
                <a:pt x="6967" y="15791"/>
              </a:lnTo>
              <a:lnTo>
                <a:pt x="7044" y="15569"/>
              </a:lnTo>
              <a:lnTo>
                <a:pt x="7197" y="15124"/>
              </a:lnTo>
              <a:lnTo>
                <a:pt x="7120" y="14753"/>
              </a:lnTo>
              <a:lnTo>
                <a:pt x="7044" y="14382"/>
              </a:lnTo>
              <a:lnTo>
                <a:pt x="7120" y="13938"/>
              </a:lnTo>
              <a:lnTo>
                <a:pt x="7273" y="13641"/>
              </a:lnTo>
              <a:lnTo>
                <a:pt x="7350" y="13270"/>
              </a:lnTo>
              <a:lnTo>
                <a:pt x="7503" y="12677"/>
              </a:lnTo>
              <a:lnTo>
                <a:pt x="7350" y="12158"/>
              </a:lnTo>
              <a:lnTo>
                <a:pt x="7273" y="11343"/>
              </a:lnTo>
              <a:lnTo>
                <a:pt x="7350" y="10750"/>
              </a:lnTo>
              <a:lnTo>
                <a:pt x="7426" y="10305"/>
              </a:lnTo>
              <a:lnTo>
                <a:pt x="7733" y="10082"/>
              </a:lnTo>
              <a:lnTo>
                <a:pt x="8039" y="9638"/>
              </a:lnTo>
              <a:lnTo>
                <a:pt x="8192" y="9489"/>
              </a:lnTo>
              <a:lnTo>
                <a:pt x="8422" y="9564"/>
              </a:lnTo>
              <a:lnTo>
                <a:pt x="8958" y="9193"/>
              </a:lnTo>
              <a:lnTo>
                <a:pt x="9417" y="8748"/>
              </a:lnTo>
              <a:lnTo>
                <a:pt x="9953" y="8377"/>
              </a:lnTo>
              <a:lnTo>
                <a:pt x="10336" y="8081"/>
              </a:lnTo>
              <a:lnTo>
                <a:pt x="10719" y="7858"/>
              </a:lnTo>
              <a:lnTo>
                <a:pt x="11101" y="7710"/>
              </a:lnTo>
              <a:lnTo>
                <a:pt x="11561" y="7339"/>
              </a:lnTo>
              <a:lnTo>
                <a:pt x="11943" y="7043"/>
              </a:lnTo>
              <a:lnTo>
                <a:pt x="12403" y="6746"/>
              </a:lnTo>
              <a:lnTo>
                <a:pt x="12709" y="6524"/>
              </a:lnTo>
              <a:lnTo>
                <a:pt x="13092" y="6153"/>
              </a:lnTo>
              <a:lnTo>
                <a:pt x="13704" y="5708"/>
              </a:lnTo>
              <a:lnTo>
                <a:pt x="14164" y="5486"/>
              </a:lnTo>
              <a:lnTo>
                <a:pt x="14700" y="5190"/>
              </a:lnTo>
              <a:lnTo>
                <a:pt x="15082" y="4967"/>
              </a:lnTo>
              <a:lnTo>
                <a:pt x="15465" y="4893"/>
              </a:lnTo>
              <a:lnTo>
                <a:pt x="15772" y="4671"/>
              </a:lnTo>
              <a:lnTo>
                <a:pt x="16154" y="459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16684</xdr:colOff>
      <xdr:row>11</xdr:row>
      <xdr:rowOff>4710</xdr:rowOff>
    </xdr:from>
    <xdr:to>
      <xdr:col>24</xdr:col>
      <xdr:colOff>114759</xdr:colOff>
      <xdr:row>14</xdr:row>
      <xdr:rowOff>8801</xdr:rowOff>
    </xdr:to>
    <xdr:sp macro="" textlink="">
      <xdr:nvSpPr>
        <xdr:cNvPr id="32" name="d14207"/>
        <xdr:cNvSpPr>
          <a:spLocks/>
        </xdr:cNvSpPr>
      </xdr:nvSpPr>
      <xdr:spPr bwMode="auto">
        <a:xfrm>
          <a:off x="16888634" y="4221110"/>
          <a:ext cx="726725" cy="93754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w 16384"/>
            <a:gd name="T184" fmla="*/ 0 h 16384"/>
            <a:gd name="T185" fmla="*/ 16384 w 16384"/>
            <a:gd name="T186" fmla="*/ 16384 h 16384"/>
          </a:gdLst>
          <a:ahLst/>
          <a:cxnLst>
            <a:cxn ang="T122">
              <a:pos x="T0" y="T1"/>
            </a:cxn>
            <a:cxn ang="T123">
              <a:pos x="T2" y="T3"/>
            </a:cxn>
            <a:cxn ang="T124">
              <a:pos x="T4" y="T5"/>
            </a:cxn>
            <a:cxn ang="T125">
              <a:pos x="T6" y="T7"/>
            </a:cxn>
            <a:cxn ang="T126">
              <a:pos x="T8" y="T9"/>
            </a:cxn>
            <a:cxn ang="T127">
              <a:pos x="T10" y="T11"/>
            </a:cxn>
            <a:cxn ang="T128">
              <a:pos x="T12" y="T13"/>
            </a:cxn>
            <a:cxn ang="T129">
              <a:pos x="T14" y="T15"/>
            </a:cxn>
            <a:cxn ang="T130">
              <a:pos x="T16" y="T17"/>
            </a:cxn>
            <a:cxn ang="T131">
              <a:pos x="T18" y="T19"/>
            </a:cxn>
            <a:cxn ang="T132">
              <a:pos x="T20" y="T21"/>
            </a:cxn>
            <a:cxn ang="T133">
              <a:pos x="T22" y="T23"/>
            </a:cxn>
            <a:cxn ang="T134">
              <a:pos x="T24" y="T25"/>
            </a:cxn>
            <a:cxn ang="T135">
              <a:pos x="T26" y="T27"/>
            </a:cxn>
            <a:cxn ang="T136">
              <a:pos x="T28" y="T29"/>
            </a:cxn>
            <a:cxn ang="T137">
              <a:pos x="T30" y="T31"/>
            </a:cxn>
            <a:cxn ang="T138">
              <a:pos x="T32" y="T33"/>
            </a:cxn>
            <a:cxn ang="T139">
              <a:pos x="T34" y="T35"/>
            </a:cxn>
            <a:cxn ang="T140">
              <a:pos x="T36" y="T37"/>
            </a:cxn>
            <a:cxn ang="T141">
              <a:pos x="T38" y="T39"/>
            </a:cxn>
            <a:cxn ang="T142">
              <a:pos x="T40" y="T41"/>
            </a:cxn>
            <a:cxn ang="T143">
              <a:pos x="T42" y="T43"/>
            </a:cxn>
            <a:cxn ang="T144">
              <a:pos x="T44" y="T45"/>
            </a:cxn>
            <a:cxn ang="T145">
              <a:pos x="T46" y="T47"/>
            </a:cxn>
            <a:cxn ang="T146">
              <a:pos x="T48" y="T49"/>
            </a:cxn>
            <a:cxn ang="T147">
              <a:pos x="T50" y="T51"/>
            </a:cxn>
            <a:cxn ang="T148">
              <a:pos x="T52" y="T53"/>
            </a:cxn>
            <a:cxn ang="T149">
              <a:pos x="T54" y="T55"/>
            </a:cxn>
            <a:cxn ang="T150">
              <a:pos x="T56" y="T57"/>
            </a:cxn>
            <a:cxn ang="T151">
              <a:pos x="T58" y="T59"/>
            </a:cxn>
            <a:cxn ang="T152">
              <a:pos x="T60" y="T61"/>
            </a:cxn>
            <a:cxn ang="T153">
              <a:pos x="T62" y="T63"/>
            </a:cxn>
            <a:cxn ang="T154">
              <a:pos x="T64" y="T65"/>
            </a:cxn>
            <a:cxn ang="T155">
              <a:pos x="T66" y="T67"/>
            </a:cxn>
            <a:cxn ang="T156">
              <a:pos x="T68" y="T69"/>
            </a:cxn>
            <a:cxn ang="T157">
              <a:pos x="T70" y="T71"/>
            </a:cxn>
            <a:cxn ang="T158">
              <a:pos x="T72" y="T73"/>
            </a:cxn>
            <a:cxn ang="T159">
              <a:pos x="T74" y="T75"/>
            </a:cxn>
            <a:cxn ang="T160">
              <a:pos x="T76" y="T77"/>
            </a:cxn>
            <a:cxn ang="T161">
              <a:pos x="T78" y="T79"/>
            </a:cxn>
            <a:cxn ang="T162">
              <a:pos x="T80" y="T81"/>
            </a:cxn>
            <a:cxn ang="T163">
              <a:pos x="T82" y="T83"/>
            </a:cxn>
            <a:cxn ang="T164">
              <a:pos x="T84" y="T85"/>
            </a:cxn>
            <a:cxn ang="T165">
              <a:pos x="T86" y="T87"/>
            </a:cxn>
            <a:cxn ang="T166">
              <a:pos x="T88" y="T89"/>
            </a:cxn>
            <a:cxn ang="T167">
              <a:pos x="T90" y="T91"/>
            </a:cxn>
            <a:cxn ang="T168">
              <a:pos x="T92" y="T93"/>
            </a:cxn>
            <a:cxn ang="T169">
              <a:pos x="T94" y="T95"/>
            </a:cxn>
            <a:cxn ang="T170">
              <a:pos x="T96" y="T97"/>
            </a:cxn>
            <a:cxn ang="T171">
              <a:pos x="T98" y="T99"/>
            </a:cxn>
            <a:cxn ang="T172">
              <a:pos x="T100" y="T101"/>
            </a:cxn>
            <a:cxn ang="T173">
              <a:pos x="T102" y="T103"/>
            </a:cxn>
            <a:cxn ang="T174">
              <a:pos x="T104" y="T105"/>
            </a:cxn>
            <a:cxn ang="T175">
              <a:pos x="T106" y="T107"/>
            </a:cxn>
            <a:cxn ang="T176">
              <a:pos x="T108" y="T109"/>
            </a:cxn>
            <a:cxn ang="T177">
              <a:pos x="T110" y="T111"/>
            </a:cxn>
            <a:cxn ang="T178">
              <a:pos x="T112" y="T113"/>
            </a:cxn>
            <a:cxn ang="T179">
              <a:pos x="T114" y="T115"/>
            </a:cxn>
            <a:cxn ang="T180">
              <a:pos x="T116" y="T117"/>
            </a:cxn>
            <a:cxn ang="T181">
              <a:pos x="T118" y="T119"/>
            </a:cxn>
            <a:cxn ang="T182">
              <a:pos x="T120" y="T121"/>
            </a:cxn>
          </a:cxnLst>
          <a:rect l="T183" t="T184" r="T185" b="T186"/>
          <a:pathLst>
            <a:path w="16384" h="16384">
              <a:moveTo>
                <a:pt x="180" y="8111"/>
              </a:moveTo>
              <a:lnTo>
                <a:pt x="180" y="9571"/>
              </a:lnTo>
              <a:lnTo>
                <a:pt x="180" y="10220"/>
              </a:lnTo>
              <a:lnTo>
                <a:pt x="540" y="10220"/>
              </a:lnTo>
              <a:lnTo>
                <a:pt x="900" y="10220"/>
              </a:lnTo>
              <a:lnTo>
                <a:pt x="1260" y="10544"/>
              </a:lnTo>
              <a:lnTo>
                <a:pt x="1260" y="11031"/>
              </a:lnTo>
              <a:lnTo>
                <a:pt x="720" y="11517"/>
              </a:lnTo>
              <a:lnTo>
                <a:pt x="360" y="12329"/>
              </a:lnTo>
              <a:lnTo>
                <a:pt x="0" y="13302"/>
              </a:lnTo>
              <a:lnTo>
                <a:pt x="0" y="14275"/>
              </a:lnTo>
              <a:lnTo>
                <a:pt x="720" y="14762"/>
              </a:lnTo>
              <a:lnTo>
                <a:pt x="1260" y="15411"/>
              </a:lnTo>
              <a:lnTo>
                <a:pt x="1260" y="16384"/>
              </a:lnTo>
              <a:lnTo>
                <a:pt x="2521" y="16222"/>
              </a:lnTo>
              <a:lnTo>
                <a:pt x="3781" y="16060"/>
              </a:lnTo>
              <a:lnTo>
                <a:pt x="5221" y="16060"/>
              </a:lnTo>
              <a:lnTo>
                <a:pt x="6121" y="16060"/>
              </a:lnTo>
              <a:lnTo>
                <a:pt x="7562" y="15411"/>
              </a:lnTo>
              <a:lnTo>
                <a:pt x="8822" y="15735"/>
              </a:lnTo>
              <a:lnTo>
                <a:pt x="10263" y="15735"/>
              </a:lnTo>
              <a:lnTo>
                <a:pt x="11523" y="15735"/>
              </a:lnTo>
              <a:lnTo>
                <a:pt x="12603" y="15248"/>
              </a:lnTo>
              <a:lnTo>
                <a:pt x="14043" y="15411"/>
              </a:lnTo>
              <a:lnTo>
                <a:pt x="14944" y="15411"/>
              </a:lnTo>
              <a:lnTo>
                <a:pt x="15124" y="14437"/>
              </a:lnTo>
              <a:lnTo>
                <a:pt x="15484" y="13302"/>
              </a:lnTo>
              <a:lnTo>
                <a:pt x="15844" y="12329"/>
              </a:lnTo>
              <a:lnTo>
                <a:pt x="16204" y="11193"/>
              </a:lnTo>
              <a:lnTo>
                <a:pt x="16384" y="10058"/>
              </a:lnTo>
              <a:lnTo>
                <a:pt x="15844" y="9246"/>
              </a:lnTo>
              <a:lnTo>
                <a:pt x="15844" y="8598"/>
              </a:lnTo>
              <a:lnTo>
                <a:pt x="15484" y="7786"/>
              </a:lnTo>
              <a:lnTo>
                <a:pt x="14764" y="7138"/>
              </a:lnTo>
              <a:lnTo>
                <a:pt x="14584" y="5840"/>
              </a:lnTo>
              <a:lnTo>
                <a:pt x="14764" y="5029"/>
              </a:lnTo>
              <a:lnTo>
                <a:pt x="15304" y="4704"/>
              </a:lnTo>
              <a:lnTo>
                <a:pt x="15484" y="3731"/>
              </a:lnTo>
              <a:lnTo>
                <a:pt x="14043" y="3893"/>
              </a:lnTo>
              <a:lnTo>
                <a:pt x="14223" y="2758"/>
              </a:lnTo>
              <a:lnTo>
                <a:pt x="13863" y="2595"/>
              </a:lnTo>
              <a:lnTo>
                <a:pt x="13323" y="3407"/>
              </a:lnTo>
              <a:lnTo>
                <a:pt x="12783" y="3082"/>
              </a:lnTo>
              <a:lnTo>
                <a:pt x="13323" y="2595"/>
              </a:lnTo>
              <a:lnTo>
                <a:pt x="13323" y="2109"/>
              </a:lnTo>
              <a:lnTo>
                <a:pt x="13863" y="1298"/>
              </a:lnTo>
              <a:lnTo>
                <a:pt x="13323" y="162"/>
              </a:lnTo>
              <a:lnTo>
                <a:pt x="11703" y="324"/>
              </a:lnTo>
              <a:lnTo>
                <a:pt x="10443" y="0"/>
              </a:lnTo>
              <a:lnTo>
                <a:pt x="7742" y="1622"/>
              </a:lnTo>
              <a:lnTo>
                <a:pt x="7562" y="2433"/>
              </a:lnTo>
              <a:lnTo>
                <a:pt x="7202" y="3569"/>
              </a:lnTo>
              <a:lnTo>
                <a:pt x="6482" y="4218"/>
              </a:lnTo>
              <a:lnTo>
                <a:pt x="5581" y="4867"/>
              </a:lnTo>
              <a:lnTo>
                <a:pt x="5401" y="5515"/>
              </a:lnTo>
              <a:lnTo>
                <a:pt x="5941" y="6002"/>
              </a:lnTo>
              <a:lnTo>
                <a:pt x="5941" y="6651"/>
              </a:lnTo>
              <a:lnTo>
                <a:pt x="5401" y="7624"/>
              </a:lnTo>
              <a:lnTo>
                <a:pt x="3061" y="7786"/>
              </a:lnTo>
              <a:lnTo>
                <a:pt x="1440" y="8111"/>
              </a:lnTo>
              <a:lnTo>
                <a:pt x="180" y="811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521258</xdr:colOff>
      <xdr:row>13</xdr:row>
      <xdr:rowOff>235489</xdr:rowOff>
    </xdr:from>
    <xdr:to>
      <xdr:col>26</xdr:col>
      <xdr:colOff>609463</xdr:colOff>
      <xdr:row>15</xdr:row>
      <xdr:rowOff>217028</xdr:rowOff>
    </xdr:to>
    <xdr:sp macro="" textlink="">
      <xdr:nvSpPr>
        <xdr:cNvPr id="33" name="d14208"/>
        <xdr:cNvSpPr>
          <a:spLocks/>
        </xdr:cNvSpPr>
      </xdr:nvSpPr>
      <xdr:spPr bwMode="auto">
        <a:xfrm>
          <a:off x="19026972" y="5128618"/>
          <a:ext cx="774005" cy="61291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12886" y="3025"/>
              </a:moveTo>
              <a:lnTo>
                <a:pt x="12150" y="2521"/>
              </a:lnTo>
              <a:lnTo>
                <a:pt x="11782" y="1764"/>
              </a:lnTo>
              <a:lnTo>
                <a:pt x="10861" y="2016"/>
              </a:lnTo>
              <a:lnTo>
                <a:pt x="9757" y="1008"/>
              </a:lnTo>
              <a:lnTo>
                <a:pt x="9389" y="0"/>
              </a:lnTo>
              <a:lnTo>
                <a:pt x="8652" y="0"/>
              </a:lnTo>
              <a:lnTo>
                <a:pt x="7548" y="1260"/>
              </a:lnTo>
              <a:lnTo>
                <a:pt x="7180" y="1512"/>
              </a:lnTo>
              <a:lnTo>
                <a:pt x="5339" y="2773"/>
              </a:lnTo>
              <a:lnTo>
                <a:pt x="4602" y="2773"/>
              </a:lnTo>
              <a:lnTo>
                <a:pt x="3498" y="4285"/>
              </a:lnTo>
              <a:lnTo>
                <a:pt x="2577" y="4537"/>
              </a:lnTo>
              <a:lnTo>
                <a:pt x="1289" y="5797"/>
              </a:lnTo>
              <a:lnTo>
                <a:pt x="0" y="6302"/>
              </a:lnTo>
              <a:lnTo>
                <a:pt x="368" y="7058"/>
              </a:lnTo>
              <a:lnTo>
                <a:pt x="368" y="7814"/>
              </a:lnTo>
              <a:lnTo>
                <a:pt x="0" y="8570"/>
              </a:lnTo>
              <a:lnTo>
                <a:pt x="368" y="9074"/>
              </a:lnTo>
              <a:lnTo>
                <a:pt x="1105" y="8822"/>
              </a:lnTo>
              <a:lnTo>
                <a:pt x="1473" y="10082"/>
              </a:lnTo>
              <a:lnTo>
                <a:pt x="2025" y="9830"/>
              </a:lnTo>
              <a:lnTo>
                <a:pt x="2945" y="10335"/>
              </a:lnTo>
              <a:lnTo>
                <a:pt x="3682" y="9830"/>
              </a:lnTo>
              <a:lnTo>
                <a:pt x="4418" y="10839"/>
              </a:lnTo>
              <a:lnTo>
                <a:pt x="4786" y="12099"/>
              </a:lnTo>
              <a:lnTo>
                <a:pt x="4418" y="12603"/>
              </a:lnTo>
              <a:lnTo>
                <a:pt x="5155" y="13863"/>
              </a:lnTo>
              <a:lnTo>
                <a:pt x="6075" y="13359"/>
              </a:lnTo>
              <a:lnTo>
                <a:pt x="6627" y="12351"/>
              </a:lnTo>
              <a:lnTo>
                <a:pt x="7180" y="12351"/>
              </a:lnTo>
              <a:lnTo>
                <a:pt x="7916" y="11847"/>
              </a:lnTo>
              <a:lnTo>
                <a:pt x="8652" y="10587"/>
              </a:lnTo>
              <a:lnTo>
                <a:pt x="9020" y="10839"/>
              </a:lnTo>
              <a:lnTo>
                <a:pt x="10125" y="10587"/>
              </a:lnTo>
              <a:lnTo>
                <a:pt x="10309" y="10839"/>
              </a:lnTo>
              <a:lnTo>
                <a:pt x="11782" y="10839"/>
              </a:lnTo>
              <a:lnTo>
                <a:pt x="11966" y="11091"/>
              </a:lnTo>
              <a:lnTo>
                <a:pt x="12886" y="11091"/>
              </a:lnTo>
              <a:lnTo>
                <a:pt x="13439" y="11595"/>
              </a:lnTo>
              <a:lnTo>
                <a:pt x="13254" y="12855"/>
              </a:lnTo>
              <a:lnTo>
                <a:pt x="12150" y="13863"/>
              </a:lnTo>
              <a:lnTo>
                <a:pt x="11598" y="13863"/>
              </a:lnTo>
              <a:lnTo>
                <a:pt x="10677" y="14368"/>
              </a:lnTo>
              <a:lnTo>
                <a:pt x="10125" y="14368"/>
              </a:lnTo>
              <a:lnTo>
                <a:pt x="10125" y="14872"/>
              </a:lnTo>
              <a:lnTo>
                <a:pt x="10493" y="15880"/>
              </a:lnTo>
              <a:lnTo>
                <a:pt x="11229" y="15628"/>
              </a:lnTo>
              <a:lnTo>
                <a:pt x="11966" y="16132"/>
              </a:lnTo>
              <a:lnTo>
                <a:pt x="12702" y="15880"/>
              </a:lnTo>
              <a:lnTo>
                <a:pt x="13623" y="15628"/>
              </a:lnTo>
              <a:lnTo>
                <a:pt x="14359" y="15628"/>
              </a:lnTo>
              <a:lnTo>
                <a:pt x="15095" y="16384"/>
              </a:lnTo>
              <a:lnTo>
                <a:pt x="16016" y="16384"/>
              </a:lnTo>
              <a:lnTo>
                <a:pt x="16384" y="15628"/>
              </a:lnTo>
              <a:lnTo>
                <a:pt x="16200" y="15124"/>
              </a:lnTo>
              <a:lnTo>
                <a:pt x="15648" y="14368"/>
              </a:lnTo>
              <a:lnTo>
                <a:pt x="15648" y="13359"/>
              </a:lnTo>
              <a:lnTo>
                <a:pt x="16200" y="12351"/>
              </a:lnTo>
              <a:lnTo>
                <a:pt x="16016" y="11343"/>
              </a:lnTo>
              <a:lnTo>
                <a:pt x="15832" y="9578"/>
              </a:lnTo>
              <a:lnTo>
                <a:pt x="15095" y="8066"/>
              </a:lnTo>
              <a:lnTo>
                <a:pt x="14911" y="6806"/>
              </a:lnTo>
              <a:lnTo>
                <a:pt x="13991" y="6049"/>
              </a:lnTo>
              <a:lnTo>
                <a:pt x="13991" y="4285"/>
              </a:lnTo>
              <a:lnTo>
                <a:pt x="13439" y="3781"/>
              </a:lnTo>
              <a:lnTo>
                <a:pt x="12886" y="3025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444937</xdr:colOff>
      <xdr:row>18</xdr:row>
      <xdr:rowOff>163136</xdr:rowOff>
    </xdr:from>
    <xdr:to>
      <xdr:col>27</xdr:col>
      <xdr:colOff>528962</xdr:colOff>
      <xdr:row>21</xdr:row>
      <xdr:rowOff>205883</xdr:rowOff>
    </xdr:to>
    <xdr:sp macro="" textlink="">
      <xdr:nvSpPr>
        <xdr:cNvPr id="34" name="d14210"/>
        <xdr:cNvSpPr>
          <a:spLocks/>
        </xdr:cNvSpPr>
      </xdr:nvSpPr>
      <xdr:spPr bwMode="auto">
        <a:xfrm>
          <a:off x="19202837" y="6557586"/>
          <a:ext cx="712675" cy="976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2994" y="3589"/>
              </a:moveTo>
              <a:lnTo>
                <a:pt x="12053" y="2965"/>
              </a:lnTo>
              <a:lnTo>
                <a:pt x="11864" y="1872"/>
              </a:lnTo>
              <a:lnTo>
                <a:pt x="10734" y="1248"/>
              </a:lnTo>
              <a:lnTo>
                <a:pt x="10923" y="156"/>
              </a:lnTo>
              <a:lnTo>
                <a:pt x="10546" y="0"/>
              </a:lnTo>
              <a:lnTo>
                <a:pt x="9604" y="624"/>
              </a:lnTo>
              <a:lnTo>
                <a:pt x="8851" y="780"/>
              </a:lnTo>
              <a:lnTo>
                <a:pt x="7721" y="624"/>
              </a:lnTo>
              <a:lnTo>
                <a:pt x="6968" y="1092"/>
              </a:lnTo>
              <a:lnTo>
                <a:pt x="6403" y="780"/>
              </a:lnTo>
              <a:lnTo>
                <a:pt x="6026" y="780"/>
              </a:lnTo>
              <a:lnTo>
                <a:pt x="4896" y="2341"/>
              </a:lnTo>
              <a:lnTo>
                <a:pt x="3390" y="2497"/>
              </a:lnTo>
              <a:lnTo>
                <a:pt x="1507" y="4525"/>
              </a:lnTo>
              <a:lnTo>
                <a:pt x="1883" y="4993"/>
              </a:lnTo>
              <a:lnTo>
                <a:pt x="2260" y="5305"/>
              </a:lnTo>
              <a:lnTo>
                <a:pt x="2637" y="5617"/>
              </a:lnTo>
              <a:lnTo>
                <a:pt x="2072" y="5929"/>
              </a:lnTo>
              <a:lnTo>
                <a:pt x="1507" y="6085"/>
              </a:lnTo>
              <a:lnTo>
                <a:pt x="2072" y="6710"/>
              </a:lnTo>
              <a:lnTo>
                <a:pt x="2260" y="7490"/>
              </a:lnTo>
              <a:lnTo>
                <a:pt x="2448" y="8114"/>
              </a:lnTo>
              <a:lnTo>
                <a:pt x="2072" y="8738"/>
              </a:lnTo>
              <a:lnTo>
                <a:pt x="2072" y="9206"/>
              </a:lnTo>
              <a:lnTo>
                <a:pt x="2072" y="9518"/>
              </a:lnTo>
              <a:lnTo>
                <a:pt x="3013" y="9986"/>
              </a:lnTo>
              <a:lnTo>
                <a:pt x="3766" y="10299"/>
              </a:lnTo>
              <a:lnTo>
                <a:pt x="4520" y="10299"/>
              </a:lnTo>
              <a:lnTo>
                <a:pt x="4520" y="10611"/>
              </a:lnTo>
              <a:lnTo>
                <a:pt x="3201" y="10611"/>
              </a:lnTo>
              <a:lnTo>
                <a:pt x="2448" y="10767"/>
              </a:lnTo>
              <a:lnTo>
                <a:pt x="1883" y="10923"/>
              </a:lnTo>
              <a:lnTo>
                <a:pt x="753" y="10455"/>
              </a:lnTo>
              <a:lnTo>
                <a:pt x="753" y="11235"/>
              </a:lnTo>
              <a:lnTo>
                <a:pt x="1318" y="11547"/>
              </a:lnTo>
              <a:lnTo>
                <a:pt x="1883" y="11235"/>
              </a:lnTo>
              <a:lnTo>
                <a:pt x="2448" y="11391"/>
              </a:lnTo>
              <a:lnTo>
                <a:pt x="1507" y="11859"/>
              </a:lnTo>
              <a:lnTo>
                <a:pt x="2260" y="12327"/>
              </a:lnTo>
              <a:lnTo>
                <a:pt x="2072" y="12483"/>
              </a:lnTo>
              <a:lnTo>
                <a:pt x="565" y="12171"/>
              </a:lnTo>
              <a:lnTo>
                <a:pt x="0" y="12483"/>
              </a:lnTo>
              <a:lnTo>
                <a:pt x="188" y="12951"/>
              </a:lnTo>
              <a:lnTo>
                <a:pt x="1507" y="13575"/>
              </a:lnTo>
              <a:lnTo>
                <a:pt x="1318" y="14512"/>
              </a:lnTo>
              <a:lnTo>
                <a:pt x="565" y="15136"/>
              </a:lnTo>
              <a:lnTo>
                <a:pt x="1318" y="15604"/>
              </a:lnTo>
              <a:lnTo>
                <a:pt x="1883" y="16072"/>
              </a:lnTo>
              <a:lnTo>
                <a:pt x="3013" y="16072"/>
              </a:lnTo>
              <a:lnTo>
                <a:pt x="5085" y="16384"/>
              </a:lnTo>
              <a:lnTo>
                <a:pt x="5461" y="15916"/>
              </a:lnTo>
              <a:lnTo>
                <a:pt x="6591" y="15760"/>
              </a:lnTo>
              <a:lnTo>
                <a:pt x="7156" y="15760"/>
              </a:lnTo>
              <a:lnTo>
                <a:pt x="7156" y="16072"/>
              </a:lnTo>
              <a:lnTo>
                <a:pt x="9228" y="15916"/>
              </a:lnTo>
              <a:lnTo>
                <a:pt x="9604" y="15292"/>
              </a:lnTo>
              <a:lnTo>
                <a:pt x="10923" y="16228"/>
              </a:lnTo>
              <a:lnTo>
                <a:pt x="11676" y="15916"/>
              </a:lnTo>
              <a:lnTo>
                <a:pt x="12241" y="15760"/>
              </a:lnTo>
              <a:lnTo>
                <a:pt x="12994" y="15604"/>
              </a:lnTo>
              <a:lnTo>
                <a:pt x="12994" y="15136"/>
              </a:lnTo>
              <a:lnTo>
                <a:pt x="12241" y="14980"/>
              </a:lnTo>
              <a:lnTo>
                <a:pt x="13371" y="14512"/>
              </a:lnTo>
              <a:lnTo>
                <a:pt x="13747" y="15292"/>
              </a:lnTo>
              <a:lnTo>
                <a:pt x="13747" y="15916"/>
              </a:lnTo>
              <a:lnTo>
                <a:pt x="14501" y="15916"/>
              </a:lnTo>
              <a:lnTo>
                <a:pt x="14877" y="15448"/>
              </a:lnTo>
              <a:lnTo>
                <a:pt x="15631" y="16072"/>
              </a:lnTo>
              <a:lnTo>
                <a:pt x="15631" y="15448"/>
              </a:lnTo>
              <a:lnTo>
                <a:pt x="15442" y="14824"/>
              </a:lnTo>
              <a:lnTo>
                <a:pt x="16196" y="14512"/>
              </a:lnTo>
              <a:lnTo>
                <a:pt x="16384" y="13575"/>
              </a:lnTo>
              <a:lnTo>
                <a:pt x="16196" y="12639"/>
              </a:lnTo>
              <a:lnTo>
                <a:pt x="15819" y="12015"/>
              </a:lnTo>
              <a:lnTo>
                <a:pt x="15254" y="11859"/>
              </a:lnTo>
              <a:lnTo>
                <a:pt x="14312" y="11703"/>
              </a:lnTo>
              <a:lnTo>
                <a:pt x="13183" y="11547"/>
              </a:lnTo>
              <a:lnTo>
                <a:pt x="12053" y="11079"/>
              </a:lnTo>
              <a:lnTo>
                <a:pt x="12053" y="10299"/>
              </a:lnTo>
              <a:lnTo>
                <a:pt x="11676" y="8894"/>
              </a:lnTo>
              <a:lnTo>
                <a:pt x="11676" y="8426"/>
              </a:lnTo>
              <a:lnTo>
                <a:pt x="10546" y="7958"/>
              </a:lnTo>
              <a:lnTo>
                <a:pt x="10546" y="6866"/>
              </a:lnTo>
              <a:lnTo>
                <a:pt x="11111" y="5617"/>
              </a:lnTo>
              <a:lnTo>
                <a:pt x="11488" y="4837"/>
              </a:lnTo>
              <a:lnTo>
                <a:pt x="12053" y="4213"/>
              </a:lnTo>
              <a:lnTo>
                <a:pt x="12994" y="358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407705</xdr:colOff>
      <xdr:row>7</xdr:row>
      <xdr:rowOff>220921</xdr:rowOff>
    </xdr:from>
    <xdr:to>
      <xdr:col>21</xdr:col>
      <xdr:colOff>541662</xdr:colOff>
      <xdr:row>12</xdr:row>
      <xdr:rowOff>214854</xdr:rowOff>
    </xdr:to>
    <xdr:sp macro="" textlink="">
      <xdr:nvSpPr>
        <xdr:cNvPr id="35" name="d14211"/>
        <xdr:cNvSpPr>
          <a:spLocks/>
        </xdr:cNvSpPr>
      </xdr:nvSpPr>
      <xdr:spPr bwMode="auto">
        <a:xfrm>
          <a:off x="14815521" y="3213776"/>
          <a:ext cx="1507562" cy="157307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11949" y="15207"/>
              </a:moveTo>
              <a:lnTo>
                <a:pt x="12401" y="14912"/>
              </a:lnTo>
              <a:lnTo>
                <a:pt x="12854" y="14814"/>
              </a:lnTo>
              <a:lnTo>
                <a:pt x="13397" y="14912"/>
              </a:lnTo>
              <a:lnTo>
                <a:pt x="13668" y="14814"/>
              </a:lnTo>
              <a:lnTo>
                <a:pt x="13940" y="14226"/>
              </a:lnTo>
              <a:lnTo>
                <a:pt x="14121" y="13539"/>
              </a:lnTo>
              <a:lnTo>
                <a:pt x="14302" y="13441"/>
              </a:lnTo>
              <a:lnTo>
                <a:pt x="14302" y="13048"/>
              </a:lnTo>
              <a:lnTo>
                <a:pt x="14393" y="12754"/>
              </a:lnTo>
              <a:lnTo>
                <a:pt x="14664" y="12558"/>
              </a:lnTo>
              <a:lnTo>
                <a:pt x="15207" y="12656"/>
              </a:lnTo>
              <a:lnTo>
                <a:pt x="15569" y="12362"/>
              </a:lnTo>
              <a:lnTo>
                <a:pt x="16022" y="12460"/>
              </a:lnTo>
              <a:lnTo>
                <a:pt x="16384" y="12460"/>
              </a:lnTo>
              <a:lnTo>
                <a:pt x="16203" y="11479"/>
              </a:lnTo>
              <a:lnTo>
                <a:pt x="15388" y="11184"/>
              </a:lnTo>
              <a:lnTo>
                <a:pt x="14845" y="10596"/>
              </a:lnTo>
              <a:lnTo>
                <a:pt x="13849" y="10890"/>
              </a:lnTo>
              <a:lnTo>
                <a:pt x="13216" y="10792"/>
              </a:lnTo>
              <a:lnTo>
                <a:pt x="12401" y="11282"/>
              </a:lnTo>
              <a:lnTo>
                <a:pt x="12039" y="11086"/>
              </a:lnTo>
              <a:lnTo>
                <a:pt x="11858" y="9909"/>
              </a:lnTo>
              <a:lnTo>
                <a:pt x="12220" y="9418"/>
              </a:lnTo>
              <a:lnTo>
                <a:pt x="12492" y="9320"/>
              </a:lnTo>
              <a:lnTo>
                <a:pt x="12401" y="9026"/>
              </a:lnTo>
              <a:lnTo>
                <a:pt x="12220" y="8633"/>
              </a:lnTo>
              <a:lnTo>
                <a:pt x="12220" y="8045"/>
              </a:lnTo>
              <a:lnTo>
                <a:pt x="11858" y="7751"/>
              </a:lnTo>
              <a:lnTo>
                <a:pt x="11586" y="7064"/>
              </a:lnTo>
              <a:lnTo>
                <a:pt x="11043" y="6868"/>
              </a:lnTo>
              <a:lnTo>
                <a:pt x="10319" y="5396"/>
              </a:lnTo>
              <a:lnTo>
                <a:pt x="9867" y="4022"/>
              </a:lnTo>
              <a:lnTo>
                <a:pt x="9595" y="3630"/>
              </a:lnTo>
              <a:lnTo>
                <a:pt x="9686" y="3041"/>
              </a:lnTo>
              <a:lnTo>
                <a:pt x="9686" y="2747"/>
              </a:lnTo>
              <a:lnTo>
                <a:pt x="9595" y="2256"/>
              </a:lnTo>
              <a:lnTo>
                <a:pt x="9686" y="1864"/>
              </a:lnTo>
              <a:lnTo>
                <a:pt x="9323" y="1570"/>
              </a:lnTo>
              <a:lnTo>
                <a:pt x="9414" y="1275"/>
              </a:lnTo>
              <a:lnTo>
                <a:pt x="9595" y="785"/>
              </a:lnTo>
              <a:lnTo>
                <a:pt x="8780" y="294"/>
              </a:lnTo>
              <a:lnTo>
                <a:pt x="8147" y="98"/>
              </a:lnTo>
              <a:lnTo>
                <a:pt x="8056" y="0"/>
              </a:lnTo>
              <a:lnTo>
                <a:pt x="7423" y="196"/>
              </a:lnTo>
              <a:lnTo>
                <a:pt x="7242" y="392"/>
              </a:lnTo>
              <a:lnTo>
                <a:pt x="6970" y="196"/>
              </a:lnTo>
              <a:lnTo>
                <a:pt x="6789" y="883"/>
              </a:lnTo>
              <a:lnTo>
                <a:pt x="6427" y="981"/>
              </a:lnTo>
              <a:lnTo>
                <a:pt x="6065" y="1472"/>
              </a:lnTo>
              <a:lnTo>
                <a:pt x="5884" y="1472"/>
              </a:lnTo>
              <a:lnTo>
                <a:pt x="5160" y="1668"/>
              </a:lnTo>
              <a:lnTo>
                <a:pt x="4616" y="1766"/>
              </a:lnTo>
              <a:lnTo>
                <a:pt x="4435" y="2158"/>
              </a:lnTo>
              <a:lnTo>
                <a:pt x="4164" y="2060"/>
              </a:lnTo>
              <a:lnTo>
                <a:pt x="3621" y="1275"/>
              </a:lnTo>
              <a:lnTo>
                <a:pt x="3078" y="1079"/>
              </a:lnTo>
              <a:lnTo>
                <a:pt x="2535" y="883"/>
              </a:lnTo>
              <a:lnTo>
                <a:pt x="2354" y="981"/>
              </a:lnTo>
              <a:lnTo>
                <a:pt x="2082" y="1570"/>
              </a:lnTo>
              <a:lnTo>
                <a:pt x="1720" y="1668"/>
              </a:lnTo>
              <a:lnTo>
                <a:pt x="1358" y="2256"/>
              </a:lnTo>
              <a:lnTo>
                <a:pt x="724" y="2355"/>
              </a:lnTo>
              <a:lnTo>
                <a:pt x="91" y="2453"/>
              </a:lnTo>
              <a:lnTo>
                <a:pt x="0" y="2747"/>
              </a:lnTo>
              <a:lnTo>
                <a:pt x="91" y="3041"/>
              </a:lnTo>
              <a:lnTo>
                <a:pt x="0" y="3532"/>
              </a:lnTo>
              <a:lnTo>
                <a:pt x="181" y="4121"/>
              </a:lnTo>
              <a:lnTo>
                <a:pt x="453" y="4513"/>
              </a:lnTo>
              <a:lnTo>
                <a:pt x="453" y="5003"/>
              </a:lnTo>
              <a:lnTo>
                <a:pt x="543" y="5298"/>
              </a:lnTo>
              <a:lnTo>
                <a:pt x="634" y="5690"/>
              </a:lnTo>
              <a:lnTo>
                <a:pt x="543" y="6083"/>
              </a:lnTo>
              <a:lnTo>
                <a:pt x="634" y="6671"/>
              </a:lnTo>
              <a:lnTo>
                <a:pt x="543" y="7064"/>
              </a:lnTo>
              <a:lnTo>
                <a:pt x="453" y="7260"/>
              </a:lnTo>
              <a:lnTo>
                <a:pt x="362" y="7554"/>
              </a:lnTo>
              <a:lnTo>
                <a:pt x="815" y="8143"/>
              </a:lnTo>
              <a:lnTo>
                <a:pt x="724" y="8535"/>
              </a:lnTo>
              <a:lnTo>
                <a:pt x="905" y="9026"/>
              </a:lnTo>
              <a:lnTo>
                <a:pt x="996" y="9516"/>
              </a:lnTo>
              <a:lnTo>
                <a:pt x="905" y="9811"/>
              </a:lnTo>
              <a:lnTo>
                <a:pt x="543" y="10007"/>
              </a:lnTo>
              <a:lnTo>
                <a:pt x="362" y="10399"/>
              </a:lnTo>
              <a:lnTo>
                <a:pt x="272" y="11086"/>
              </a:lnTo>
              <a:lnTo>
                <a:pt x="272" y="11577"/>
              </a:lnTo>
              <a:lnTo>
                <a:pt x="1629" y="13735"/>
              </a:lnTo>
              <a:lnTo>
                <a:pt x="2082" y="14716"/>
              </a:lnTo>
              <a:lnTo>
                <a:pt x="2716" y="14520"/>
              </a:lnTo>
              <a:lnTo>
                <a:pt x="2897" y="15010"/>
              </a:lnTo>
              <a:lnTo>
                <a:pt x="3440" y="15893"/>
              </a:lnTo>
              <a:lnTo>
                <a:pt x="3802" y="16384"/>
              </a:lnTo>
              <a:lnTo>
                <a:pt x="4435" y="15795"/>
              </a:lnTo>
              <a:lnTo>
                <a:pt x="4707" y="15501"/>
              </a:lnTo>
              <a:lnTo>
                <a:pt x="5522" y="14912"/>
              </a:lnTo>
              <a:lnTo>
                <a:pt x="6155" y="15010"/>
              </a:lnTo>
              <a:lnTo>
                <a:pt x="6336" y="14422"/>
              </a:lnTo>
              <a:lnTo>
                <a:pt x="6698" y="14422"/>
              </a:lnTo>
              <a:lnTo>
                <a:pt x="6879" y="14128"/>
              </a:lnTo>
              <a:lnTo>
                <a:pt x="7151" y="14128"/>
              </a:lnTo>
              <a:lnTo>
                <a:pt x="7242" y="14324"/>
              </a:lnTo>
              <a:lnTo>
                <a:pt x="7604" y="14422"/>
              </a:lnTo>
              <a:lnTo>
                <a:pt x="7604" y="14618"/>
              </a:lnTo>
              <a:lnTo>
                <a:pt x="7694" y="14814"/>
              </a:lnTo>
              <a:lnTo>
                <a:pt x="7694" y="14912"/>
              </a:lnTo>
              <a:lnTo>
                <a:pt x="8237" y="15403"/>
              </a:lnTo>
              <a:lnTo>
                <a:pt x="8780" y="15207"/>
              </a:lnTo>
              <a:lnTo>
                <a:pt x="9595" y="15305"/>
              </a:lnTo>
              <a:lnTo>
                <a:pt x="10410" y="15501"/>
              </a:lnTo>
              <a:lnTo>
                <a:pt x="11043" y="15109"/>
              </a:lnTo>
              <a:lnTo>
                <a:pt x="11949" y="1520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622014</xdr:colOff>
      <xdr:row>5</xdr:row>
      <xdr:rowOff>76419</xdr:rowOff>
    </xdr:from>
    <xdr:to>
      <xdr:col>24</xdr:col>
      <xdr:colOff>483612</xdr:colOff>
      <xdr:row>9</xdr:row>
      <xdr:rowOff>133415</xdr:rowOff>
    </xdr:to>
    <xdr:sp macro="" textlink="">
      <xdr:nvSpPr>
        <xdr:cNvPr id="36" name="d14213"/>
        <xdr:cNvSpPr>
          <a:spLocks/>
        </xdr:cNvSpPr>
      </xdr:nvSpPr>
      <xdr:spPr bwMode="auto">
        <a:xfrm>
          <a:off x="17747307" y="2447816"/>
          <a:ext cx="544771" cy="131823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60000 65536"/>
            <a:gd name="T65" fmla="*/ 0 60000 65536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w 16384"/>
            <a:gd name="T97" fmla="*/ 0 h 16384"/>
            <a:gd name="T98" fmla="*/ 16384 w 16384"/>
            <a:gd name="T99" fmla="*/ 16384 h 16384"/>
          </a:gdLst>
          <a:ahLst/>
          <a:cxnLst>
            <a:cxn ang="T64">
              <a:pos x="T0" y="T1"/>
            </a:cxn>
            <a:cxn ang="T65">
              <a:pos x="T2" y="T3"/>
            </a:cxn>
            <a:cxn ang="T66">
              <a:pos x="T4" y="T5"/>
            </a:cxn>
            <a:cxn ang="T67">
              <a:pos x="T6" y="T7"/>
            </a:cxn>
            <a:cxn ang="T68">
              <a:pos x="T8" y="T9"/>
            </a:cxn>
            <a:cxn ang="T69">
              <a:pos x="T10" y="T11"/>
            </a:cxn>
            <a:cxn ang="T70">
              <a:pos x="T12" y="T13"/>
            </a:cxn>
            <a:cxn ang="T71">
              <a:pos x="T14" y="T15"/>
            </a:cxn>
            <a:cxn ang="T72">
              <a:pos x="T16" y="T17"/>
            </a:cxn>
            <a:cxn ang="T73">
              <a:pos x="T18" y="T19"/>
            </a:cxn>
            <a:cxn ang="T74">
              <a:pos x="T20" y="T21"/>
            </a:cxn>
            <a:cxn ang="T75">
              <a:pos x="T22" y="T23"/>
            </a:cxn>
            <a:cxn ang="T76">
              <a:pos x="T24" y="T25"/>
            </a:cxn>
            <a:cxn ang="T77">
              <a:pos x="T26" y="T27"/>
            </a:cxn>
            <a:cxn ang="T78">
              <a:pos x="T28" y="T29"/>
            </a:cxn>
            <a:cxn ang="T79">
              <a:pos x="T30" y="T31"/>
            </a:cxn>
            <a:cxn ang="T80">
              <a:pos x="T32" y="T33"/>
            </a:cxn>
            <a:cxn ang="T81">
              <a:pos x="T34" y="T35"/>
            </a:cxn>
            <a:cxn ang="T82">
              <a:pos x="T36" y="T37"/>
            </a:cxn>
            <a:cxn ang="T83">
              <a:pos x="T38" y="T39"/>
            </a:cxn>
            <a:cxn ang="T84">
              <a:pos x="T40" y="T41"/>
            </a:cxn>
            <a:cxn ang="T85">
              <a:pos x="T42" y="T43"/>
            </a:cxn>
            <a:cxn ang="T86">
              <a:pos x="T44" y="T45"/>
            </a:cxn>
            <a:cxn ang="T87">
              <a:pos x="T46" y="T47"/>
            </a:cxn>
            <a:cxn ang="T88">
              <a:pos x="T48" y="T49"/>
            </a:cxn>
            <a:cxn ang="T89">
              <a:pos x="T50" y="T51"/>
            </a:cxn>
            <a:cxn ang="T90">
              <a:pos x="T52" y="T53"/>
            </a:cxn>
            <a:cxn ang="T91">
              <a:pos x="T54" y="T55"/>
            </a:cxn>
            <a:cxn ang="T92">
              <a:pos x="T56" y="T57"/>
            </a:cxn>
            <a:cxn ang="T93">
              <a:pos x="T58" y="T59"/>
            </a:cxn>
            <a:cxn ang="T94">
              <a:pos x="T60" y="T61"/>
            </a:cxn>
            <a:cxn ang="T95">
              <a:pos x="T62" y="T63"/>
            </a:cxn>
          </a:cxnLst>
          <a:rect l="T96" t="T97" r="T98" b="T99"/>
          <a:pathLst>
            <a:path w="16384" h="16384">
              <a:moveTo>
                <a:pt x="6178" y="15331"/>
              </a:moveTo>
              <a:lnTo>
                <a:pt x="6983" y="15682"/>
              </a:lnTo>
              <a:lnTo>
                <a:pt x="8058" y="15916"/>
              </a:lnTo>
              <a:lnTo>
                <a:pt x="9401" y="16033"/>
              </a:lnTo>
              <a:lnTo>
                <a:pt x="10475" y="16150"/>
              </a:lnTo>
              <a:lnTo>
                <a:pt x="11012" y="14746"/>
              </a:lnTo>
              <a:lnTo>
                <a:pt x="12087" y="14980"/>
              </a:lnTo>
              <a:lnTo>
                <a:pt x="11818" y="16033"/>
              </a:lnTo>
              <a:lnTo>
                <a:pt x="13698" y="16384"/>
              </a:lnTo>
              <a:lnTo>
                <a:pt x="14235" y="15214"/>
              </a:lnTo>
              <a:lnTo>
                <a:pt x="13967" y="14629"/>
              </a:lnTo>
              <a:lnTo>
                <a:pt x="15310" y="13341"/>
              </a:lnTo>
              <a:lnTo>
                <a:pt x="16384" y="12288"/>
              </a:lnTo>
              <a:lnTo>
                <a:pt x="15578" y="11235"/>
              </a:lnTo>
              <a:lnTo>
                <a:pt x="14504" y="10299"/>
              </a:lnTo>
              <a:lnTo>
                <a:pt x="13967" y="9479"/>
              </a:lnTo>
              <a:lnTo>
                <a:pt x="14504" y="9011"/>
              </a:lnTo>
              <a:lnTo>
                <a:pt x="14504" y="8426"/>
              </a:lnTo>
              <a:lnTo>
                <a:pt x="13430" y="7490"/>
              </a:lnTo>
              <a:lnTo>
                <a:pt x="13430" y="7022"/>
              </a:lnTo>
              <a:lnTo>
                <a:pt x="13430" y="6437"/>
              </a:lnTo>
              <a:lnTo>
                <a:pt x="13161" y="5851"/>
              </a:lnTo>
              <a:lnTo>
                <a:pt x="13698" y="5266"/>
              </a:lnTo>
              <a:lnTo>
                <a:pt x="12624" y="4213"/>
              </a:lnTo>
              <a:lnTo>
                <a:pt x="11818" y="4096"/>
              </a:lnTo>
              <a:lnTo>
                <a:pt x="11281" y="3745"/>
              </a:lnTo>
              <a:lnTo>
                <a:pt x="11818" y="3511"/>
              </a:lnTo>
              <a:lnTo>
                <a:pt x="12624" y="3043"/>
              </a:lnTo>
              <a:lnTo>
                <a:pt x="12892" y="2575"/>
              </a:lnTo>
              <a:lnTo>
                <a:pt x="12892" y="2107"/>
              </a:lnTo>
              <a:lnTo>
                <a:pt x="12355" y="1872"/>
              </a:lnTo>
              <a:lnTo>
                <a:pt x="11818" y="1287"/>
              </a:lnTo>
              <a:lnTo>
                <a:pt x="11818" y="936"/>
              </a:lnTo>
              <a:lnTo>
                <a:pt x="11818" y="585"/>
              </a:lnTo>
              <a:lnTo>
                <a:pt x="11281" y="234"/>
              </a:lnTo>
              <a:lnTo>
                <a:pt x="10206" y="0"/>
              </a:lnTo>
              <a:lnTo>
                <a:pt x="9132" y="117"/>
              </a:lnTo>
              <a:lnTo>
                <a:pt x="8863" y="0"/>
              </a:lnTo>
              <a:lnTo>
                <a:pt x="7252" y="351"/>
              </a:lnTo>
              <a:lnTo>
                <a:pt x="6178" y="585"/>
              </a:lnTo>
              <a:lnTo>
                <a:pt x="5372" y="819"/>
              </a:lnTo>
              <a:lnTo>
                <a:pt x="4566" y="1404"/>
              </a:lnTo>
              <a:lnTo>
                <a:pt x="2954" y="1755"/>
              </a:lnTo>
              <a:lnTo>
                <a:pt x="1612" y="1872"/>
              </a:lnTo>
              <a:lnTo>
                <a:pt x="537" y="1872"/>
              </a:lnTo>
              <a:lnTo>
                <a:pt x="0" y="2107"/>
              </a:lnTo>
              <a:lnTo>
                <a:pt x="269" y="2692"/>
              </a:lnTo>
              <a:lnTo>
                <a:pt x="806" y="3628"/>
              </a:lnTo>
              <a:lnTo>
                <a:pt x="2417" y="5734"/>
              </a:lnTo>
              <a:lnTo>
                <a:pt x="2954" y="6554"/>
              </a:lnTo>
              <a:lnTo>
                <a:pt x="1343" y="7256"/>
              </a:lnTo>
              <a:lnTo>
                <a:pt x="2149" y="7724"/>
              </a:lnTo>
              <a:lnTo>
                <a:pt x="2417" y="8309"/>
              </a:lnTo>
              <a:lnTo>
                <a:pt x="2417" y="8894"/>
              </a:lnTo>
              <a:lnTo>
                <a:pt x="7252" y="8777"/>
              </a:lnTo>
              <a:lnTo>
                <a:pt x="7252" y="10064"/>
              </a:lnTo>
              <a:lnTo>
                <a:pt x="8058" y="10416"/>
              </a:lnTo>
              <a:lnTo>
                <a:pt x="8595" y="11001"/>
              </a:lnTo>
              <a:lnTo>
                <a:pt x="8326" y="11703"/>
              </a:lnTo>
              <a:lnTo>
                <a:pt x="7521" y="11937"/>
              </a:lnTo>
              <a:lnTo>
                <a:pt x="6715" y="12639"/>
              </a:lnTo>
              <a:lnTo>
                <a:pt x="6446" y="12756"/>
              </a:lnTo>
              <a:lnTo>
                <a:pt x="6715" y="13692"/>
              </a:lnTo>
              <a:lnTo>
                <a:pt x="6983" y="14512"/>
              </a:lnTo>
              <a:lnTo>
                <a:pt x="6178" y="1533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602422</xdr:colOff>
      <xdr:row>8</xdr:row>
      <xdr:rowOff>91333</xdr:rowOff>
    </xdr:from>
    <xdr:to>
      <xdr:col>22</xdr:col>
      <xdr:colOff>573836</xdr:colOff>
      <xdr:row>11</xdr:row>
      <xdr:rowOff>192064</xdr:rowOff>
    </xdr:to>
    <xdr:sp macro="" textlink="">
      <xdr:nvSpPr>
        <xdr:cNvPr id="37" name="d14214"/>
        <xdr:cNvSpPr>
          <a:spLocks/>
        </xdr:cNvSpPr>
      </xdr:nvSpPr>
      <xdr:spPr bwMode="auto">
        <a:xfrm>
          <a:off x="15697040" y="3400017"/>
          <a:ext cx="1345020" cy="104821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7817" y="14336"/>
              </a:moveTo>
              <a:lnTo>
                <a:pt x="8246" y="14043"/>
              </a:lnTo>
              <a:lnTo>
                <a:pt x="9102" y="14336"/>
              </a:lnTo>
              <a:lnTo>
                <a:pt x="9102" y="13897"/>
              </a:lnTo>
              <a:lnTo>
                <a:pt x="9102" y="13312"/>
              </a:lnTo>
              <a:lnTo>
                <a:pt x="9316" y="12727"/>
              </a:lnTo>
              <a:lnTo>
                <a:pt x="9638" y="14043"/>
              </a:lnTo>
              <a:lnTo>
                <a:pt x="10280" y="14043"/>
              </a:lnTo>
              <a:lnTo>
                <a:pt x="10601" y="14336"/>
              </a:lnTo>
              <a:lnTo>
                <a:pt x="10923" y="15067"/>
              </a:lnTo>
              <a:lnTo>
                <a:pt x="10923" y="16091"/>
              </a:lnTo>
              <a:lnTo>
                <a:pt x="11565" y="16384"/>
              </a:lnTo>
              <a:lnTo>
                <a:pt x="11565" y="15360"/>
              </a:lnTo>
              <a:lnTo>
                <a:pt x="11458" y="14629"/>
              </a:lnTo>
              <a:lnTo>
                <a:pt x="11565" y="13751"/>
              </a:lnTo>
              <a:lnTo>
                <a:pt x="11779" y="14336"/>
              </a:lnTo>
              <a:lnTo>
                <a:pt x="12208" y="14775"/>
              </a:lnTo>
              <a:lnTo>
                <a:pt x="12315" y="14482"/>
              </a:lnTo>
              <a:lnTo>
                <a:pt x="12636" y="14190"/>
              </a:lnTo>
              <a:lnTo>
                <a:pt x="13171" y="14336"/>
              </a:lnTo>
              <a:lnTo>
                <a:pt x="13600" y="13751"/>
              </a:lnTo>
              <a:lnTo>
                <a:pt x="14135" y="14482"/>
              </a:lnTo>
              <a:lnTo>
                <a:pt x="14564" y="14482"/>
              </a:lnTo>
              <a:lnTo>
                <a:pt x="14885" y="12727"/>
              </a:lnTo>
              <a:lnTo>
                <a:pt x="15206" y="12873"/>
              </a:lnTo>
              <a:lnTo>
                <a:pt x="15206" y="13751"/>
              </a:lnTo>
              <a:lnTo>
                <a:pt x="14992" y="14921"/>
              </a:lnTo>
              <a:lnTo>
                <a:pt x="16170" y="13605"/>
              </a:lnTo>
              <a:lnTo>
                <a:pt x="16384" y="12288"/>
              </a:lnTo>
              <a:lnTo>
                <a:pt x="16063" y="11703"/>
              </a:lnTo>
              <a:lnTo>
                <a:pt x="15849" y="11264"/>
              </a:lnTo>
              <a:lnTo>
                <a:pt x="15634" y="10094"/>
              </a:lnTo>
              <a:lnTo>
                <a:pt x="15206" y="9655"/>
              </a:lnTo>
              <a:lnTo>
                <a:pt x="15099" y="8923"/>
              </a:lnTo>
              <a:lnTo>
                <a:pt x="15099" y="8192"/>
              </a:lnTo>
              <a:lnTo>
                <a:pt x="15099" y="7314"/>
              </a:lnTo>
              <a:lnTo>
                <a:pt x="14885" y="7022"/>
              </a:lnTo>
              <a:lnTo>
                <a:pt x="14671" y="6583"/>
              </a:lnTo>
              <a:lnTo>
                <a:pt x="14242" y="6437"/>
              </a:lnTo>
              <a:lnTo>
                <a:pt x="13707" y="5559"/>
              </a:lnTo>
              <a:lnTo>
                <a:pt x="13171" y="5266"/>
              </a:lnTo>
              <a:lnTo>
                <a:pt x="12743" y="4827"/>
              </a:lnTo>
              <a:lnTo>
                <a:pt x="12850" y="4389"/>
              </a:lnTo>
              <a:lnTo>
                <a:pt x="12636" y="4096"/>
              </a:lnTo>
              <a:lnTo>
                <a:pt x="12315" y="4389"/>
              </a:lnTo>
              <a:lnTo>
                <a:pt x="11886" y="4242"/>
              </a:lnTo>
              <a:lnTo>
                <a:pt x="11886" y="4827"/>
              </a:lnTo>
              <a:lnTo>
                <a:pt x="10923" y="5559"/>
              </a:lnTo>
              <a:lnTo>
                <a:pt x="10601" y="5266"/>
              </a:lnTo>
              <a:lnTo>
                <a:pt x="9959" y="4974"/>
              </a:lnTo>
              <a:lnTo>
                <a:pt x="9638" y="4535"/>
              </a:lnTo>
              <a:lnTo>
                <a:pt x="9316" y="3950"/>
              </a:lnTo>
              <a:lnTo>
                <a:pt x="9423" y="2926"/>
              </a:lnTo>
              <a:lnTo>
                <a:pt x="8460" y="2779"/>
              </a:lnTo>
              <a:lnTo>
                <a:pt x="8031" y="2194"/>
              </a:lnTo>
              <a:lnTo>
                <a:pt x="7817" y="2194"/>
              </a:lnTo>
              <a:lnTo>
                <a:pt x="7603" y="1755"/>
              </a:lnTo>
              <a:lnTo>
                <a:pt x="6318" y="1463"/>
              </a:lnTo>
              <a:lnTo>
                <a:pt x="6104" y="1024"/>
              </a:lnTo>
              <a:lnTo>
                <a:pt x="4819" y="1024"/>
              </a:lnTo>
              <a:lnTo>
                <a:pt x="4498" y="585"/>
              </a:lnTo>
              <a:lnTo>
                <a:pt x="4176" y="731"/>
              </a:lnTo>
              <a:lnTo>
                <a:pt x="3962" y="439"/>
              </a:lnTo>
              <a:lnTo>
                <a:pt x="3534" y="293"/>
              </a:lnTo>
              <a:lnTo>
                <a:pt x="3105" y="0"/>
              </a:lnTo>
              <a:lnTo>
                <a:pt x="2677" y="293"/>
              </a:lnTo>
              <a:lnTo>
                <a:pt x="1928" y="146"/>
              </a:lnTo>
              <a:lnTo>
                <a:pt x="1606" y="439"/>
              </a:lnTo>
              <a:lnTo>
                <a:pt x="1285" y="1024"/>
              </a:lnTo>
              <a:lnTo>
                <a:pt x="857" y="1609"/>
              </a:lnTo>
              <a:lnTo>
                <a:pt x="107" y="1755"/>
              </a:lnTo>
              <a:lnTo>
                <a:pt x="0" y="2633"/>
              </a:lnTo>
              <a:lnTo>
                <a:pt x="321" y="3218"/>
              </a:lnTo>
              <a:lnTo>
                <a:pt x="857" y="5266"/>
              </a:lnTo>
              <a:lnTo>
                <a:pt x="1713" y="7461"/>
              </a:lnTo>
              <a:lnTo>
                <a:pt x="2356" y="7753"/>
              </a:lnTo>
              <a:lnTo>
                <a:pt x="2677" y="8777"/>
              </a:lnTo>
              <a:lnTo>
                <a:pt x="3105" y="9216"/>
              </a:lnTo>
              <a:lnTo>
                <a:pt x="3105" y="10094"/>
              </a:lnTo>
              <a:lnTo>
                <a:pt x="3320" y="10679"/>
              </a:lnTo>
              <a:lnTo>
                <a:pt x="3427" y="11118"/>
              </a:lnTo>
              <a:lnTo>
                <a:pt x="3105" y="11264"/>
              </a:lnTo>
              <a:lnTo>
                <a:pt x="2677" y="11995"/>
              </a:lnTo>
              <a:lnTo>
                <a:pt x="2891" y="13751"/>
              </a:lnTo>
              <a:lnTo>
                <a:pt x="3320" y="14043"/>
              </a:lnTo>
              <a:lnTo>
                <a:pt x="4283" y="13312"/>
              </a:lnTo>
              <a:lnTo>
                <a:pt x="5033" y="13458"/>
              </a:lnTo>
              <a:lnTo>
                <a:pt x="6211" y="13019"/>
              </a:lnTo>
              <a:lnTo>
                <a:pt x="6853" y="13897"/>
              </a:lnTo>
              <a:lnTo>
                <a:pt x="7817" y="1433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19650</xdr:colOff>
      <xdr:row>7</xdr:row>
      <xdr:rowOff>16061</xdr:rowOff>
    </xdr:from>
    <xdr:to>
      <xdr:col>24</xdr:col>
      <xdr:colOff>36316</xdr:colOff>
      <xdr:row>10</xdr:row>
      <xdr:rowOff>116792</xdr:rowOff>
    </xdr:to>
    <xdr:sp macro="" textlink="">
      <xdr:nvSpPr>
        <xdr:cNvPr id="38" name="d14215"/>
        <xdr:cNvSpPr>
          <a:spLocks/>
        </xdr:cNvSpPr>
      </xdr:nvSpPr>
      <xdr:spPr bwMode="auto">
        <a:xfrm>
          <a:off x="16891600" y="2987861"/>
          <a:ext cx="645316" cy="103418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2832" y="1476"/>
              </a:moveTo>
              <a:lnTo>
                <a:pt x="2832" y="2362"/>
              </a:lnTo>
              <a:lnTo>
                <a:pt x="2630" y="3542"/>
              </a:lnTo>
              <a:lnTo>
                <a:pt x="1618" y="4576"/>
              </a:lnTo>
              <a:lnTo>
                <a:pt x="809" y="5461"/>
              </a:lnTo>
              <a:lnTo>
                <a:pt x="405" y="6199"/>
              </a:lnTo>
              <a:lnTo>
                <a:pt x="607" y="7233"/>
              </a:lnTo>
              <a:lnTo>
                <a:pt x="1011" y="7823"/>
              </a:lnTo>
              <a:lnTo>
                <a:pt x="1214" y="8413"/>
              </a:lnTo>
              <a:lnTo>
                <a:pt x="1416" y="9594"/>
              </a:lnTo>
              <a:lnTo>
                <a:pt x="1011" y="10775"/>
              </a:lnTo>
              <a:lnTo>
                <a:pt x="607" y="11956"/>
              </a:lnTo>
              <a:lnTo>
                <a:pt x="405" y="12842"/>
              </a:lnTo>
              <a:lnTo>
                <a:pt x="202" y="13580"/>
              </a:lnTo>
              <a:lnTo>
                <a:pt x="0" y="14760"/>
              </a:lnTo>
              <a:lnTo>
                <a:pt x="202" y="15646"/>
              </a:lnTo>
              <a:lnTo>
                <a:pt x="405" y="16236"/>
              </a:lnTo>
              <a:lnTo>
                <a:pt x="1416" y="16236"/>
              </a:lnTo>
              <a:lnTo>
                <a:pt x="3236" y="16089"/>
              </a:lnTo>
              <a:lnTo>
                <a:pt x="3843" y="16384"/>
              </a:lnTo>
              <a:lnTo>
                <a:pt x="5057" y="16236"/>
              </a:lnTo>
              <a:lnTo>
                <a:pt x="6270" y="16089"/>
              </a:lnTo>
              <a:lnTo>
                <a:pt x="6877" y="16089"/>
              </a:lnTo>
              <a:lnTo>
                <a:pt x="7484" y="16384"/>
              </a:lnTo>
              <a:lnTo>
                <a:pt x="8091" y="15941"/>
              </a:lnTo>
              <a:lnTo>
                <a:pt x="8698" y="15794"/>
              </a:lnTo>
              <a:lnTo>
                <a:pt x="9102" y="14760"/>
              </a:lnTo>
              <a:lnTo>
                <a:pt x="9102" y="12842"/>
              </a:lnTo>
              <a:lnTo>
                <a:pt x="9304" y="11661"/>
              </a:lnTo>
              <a:lnTo>
                <a:pt x="9911" y="10185"/>
              </a:lnTo>
              <a:lnTo>
                <a:pt x="9709" y="9151"/>
              </a:lnTo>
              <a:lnTo>
                <a:pt x="9102" y="7675"/>
              </a:lnTo>
              <a:lnTo>
                <a:pt x="8900" y="6790"/>
              </a:lnTo>
              <a:lnTo>
                <a:pt x="8091" y="6347"/>
              </a:lnTo>
              <a:lnTo>
                <a:pt x="8091" y="6052"/>
              </a:lnTo>
              <a:lnTo>
                <a:pt x="8900" y="5757"/>
              </a:lnTo>
              <a:lnTo>
                <a:pt x="9709" y="4428"/>
              </a:lnTo>
              <a:lnTo>
                <a:pt x="10114" y="4281"/>
              </a:lnTo>
              <a:lnTo>
                <a:pt x="10923" y="3542"/>
              </a:lnTo>
              <a:lnTo>
                <a:pt x="11529" y="2804"/>
              </a:lnTo>
              <a:lnTo>
                <a:pt x="11732" y="2066"/>
              </a:lnTo>
              <a:lnTo>
                <a:pt x="12541" y="1919"/>
              </a:lnTo>
              <a:lnTo>
                <a:pt x="12945" y="2362"/>
              </a:lnTo>
              <a:lnTo>
                <a:pt x="16384" y="2066"/>
              </a:lnTo>
              <a:lnTo>
                <a:pt x="16384" y="1328"/>
              </a:lnTo>
              <a:lnTo>
                <a:pt x="16182" y="590"/>
              </a:lnTo>
              <a:lnTo>
                <a:pt x="15575" y="0"/>
              </a:lnTo>
              <a:lnTo>
                <a:pt x="14361" y="443"/>
              </a:lnTo>
              <a:lnTo>
                <a:pt x="12743" y="1771"/>
              </a:lnTo>
              <a:lnTo>
                <a:pt x="12136" y="1476"/>
              </a:lnTo>
              <a:lnTo>
                <a:pt x="11529" y="1624"/>
              </a:lnTo>
              <a:lnTo>
                <a:pt x="10720" y="1476"/>
              </a:lnTo>
              <a:lnTo>
                <a:pt x="10316" y="1033"/>
              </a:lnTo>
              <a:lnTo>
                <a:pt x="9304" y="886"/>
              </a:lnTo>
              <a:lnTo>
                <a:pt x="8293" y="738"/>
              </a:lnTo>
              <a:lnTo>
                <a:pt x="6877" y="590"/>
              </a:lnTo>
              <a:lnTo>
                <a:pt x="6068" y="1181"/>
              </a:lnTo>
              <a:lnTo>
                <a:pt x="5461" y="1181"/>
              </a:lnTo>
              <a:lnTo>
                <a:pt x="4450" y="1328"/>
              </a:lnTo>
              <a:lnTo>
                <a:pt x="2832" y="147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77387</xdr:colOff>
      <xdr:row>5</xdr:row>
      <xdr:rowOff>132522</xdr:rowOff>
    </xdr:from>
    <xdr:to>
      <xdr:col>24</xdr:col>
      <xdr:colOff>55561</xdr:colOff>
      <xdr:row>7</xdr:row>
      <xdr:rowOff>132028</xdr:rowOff>
    </xdr:to>
    <xdr:sp macro="" textlink="">
      <xdr:nvSpPr>
        <xdr:cNvPr id="39" name="d14216"/>
        <xdr:cNvSpPr>
          <a:spLocks/>
        </xdr:cNvSpPr>
      </xdr:nvSpPr>
      <xdr:spPr bwMode="auto">
        <a:xfrm>
          <a:off x="16949337" y="2482022"/>
          <a:ext cx="606824" cy="62180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4043" y="2690"/>
              </a:moveTo>
              <a:lnTo>
                <a:pt x="13831" y="2201"/>
              </a:lnTo>
              <a:lnTo>
                <a:pt x="13831" y="1223"/>
              </a:lnTo>
              <a:lnTo>
                <a:pt x="12980" y="489"/>
              </a:lnTo>
              <a:lnTo>
                <a:pt x="11916" y="0"/>
              </a:lnTo>
              <a:lnTo>
                <a:pt x="11065" y="978"/>
              </a:lnTo>
              <a:lnTo>
                <a:pt x="9788" y="2445"/>
              </a:lnTo>
              <a:lnTo>
                <a:pt x="8724" y="4157"/>
              </a:lnTo>
              <a:lnTo>
                <a:pt x="7873" y="5624"/>
              </a:lnTo>
              <a:lnTo>
                <a:pt x="6383" y="5869"/>
              </a:lnTo>
              <a:lnTo>
                <a:pt x="5107" y="6113"/>
              </a:lnTo>
              <a:lnTo>
                <a:pt x="4468" y="7336"/>
              </a:lnTo>
              <a:lnTo>
                <a:pt x="3404" y="8314"/>
              </a:lnTo>
              <a:lnTo>
                <a:pt x="1915" y="8070"/>
              </a:lnTo>
              <a:lnTo>
                <a:pt x="638" y="7825"/>
              </a:lnTo>
              <a:lnTo>
                <a:pt x="213" y="7825"/>
              </a:lnTo>
              <a:lnTo>
                <a:pt x="0" y="9292"/>
              </a:lnTo>
              <a:lnTo>
                <a:pt x="213" y="10271"/>
              </a:lnTo>
              <a:lnTo>
                <a:pt x="213" y="11249"/>
              </a:lnTo>
              <a:lnTo>
                <a:pt x="638" y="12227"/>
              </a:lnTo>
              <a:lnTo>
                <a:pt x="1277" y="13450"/>
              </a:lnTo>
              <a:lnTo>
                <a:pt x="1489" y="15161"/>
              </a:lnTo>
              <a:lnTo>
                <a:pt x="1702" y="15895"/>
              </a:lnTo>
              <a:lnTo>
                <a:pt x="3404" y="15650"/>
              </a:lnTo>
              <a:lnTo>
                <a:pt x="4468" y="15406"/>
              </a:lnTo>
              <a:lnTo>
                <a:pt x="5107" y="15406"/>
              </a:lnTo>
              <a:lnTo>
                <a:pt x="5958" y="14428"/>
              </a:lnTo>
              <a:lnTo>
                <a:pt x="7447" y="14672"/>
              </a:lnTo>
              <a:lnTo>
                <a:pt x="8511" y="14917"/>
              </a:lnTo>
              <a:lnTo>
                <a:pt x="9575" y="15161"/>
              </a:lnTo>
              <a:lnTo>
                <a:pt x="10001" y="15895"/>
              </a:lnTo>
              <a:lnTo>
                <a:pt x="10852" y="16139"/>
              </a:lnTo>
              <a:lnTo>
                <a:pt x="11490" y="15895"/>
              </a:lnTo>
              <a:lnTo>
                <a:pt x="12128" y="16384"/>
              </a:lnTo>
              <a:lnTo>
                <a:pt x="13831" y="14183"/>
              </a:lnTo>
              <a:lnTo>
                <a:pt x="15107" y="13450"/>
              </a:lnTo>
              <a:lnTo>
                <a:pt x="16384" y="11982"/>
              </a:lnTo>
              <a:lnTo>
                <a:pt x="15958" y="10271"/>
              </a:lnTo>
              <a:lnTo>
                <a:pt x="14682" y="5869"/>
              </a:lnTo>
              <a:lnTo>
                <a:pt x="14256" y="3913"/>
              </a:lnTo>
              <a:lnTo>
                <a:pt x="14043" y="269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359688</xdr:colOff>
      <xdr:row>7</xdr:row>
      <xdr:rowOff>141692</xdr:rowOff>
    </xdr:from>
    <xdr:to>
      <xdr:col>24</xdr:col>
      <xdr:colOff>241634</xdr:colOff>
      <xdr:row>10</xdr:row>
      <xdr:rowOff>10488</xdr:rowOff>
    </xdr:to>
    <xdr:sp macro="" textlink="">
      <xdr:nvSpPr>
        <xdr:cNvPr id="40" name="d14218"/>
        <xdr:cNvSpPr>
          <a:spLocks/>
        </xdr:cNvSpPr>
      </xdr:nvSpPr>
      <xdr:spPr bwMode="auto">
        <a:xfrm>
          <a:off x="17231638" y="3113492"/>
          <a:ext cx="510596" cy="80224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260" y="16198"/>
              </a:moveTo>
              <a:lnTo>
                <a:pt x="2521" y="14895"/>
              </a:lnTo>
              <a:lnTo>
                <a:pt x="3529" y="13219"/>
              </a:lnTo>
              <a:lnTo>
                <a:pt x="6806" y="13777"/>
              </a:lnTo>
              <a:lnTo>
                <a:pt x="6806" y="13033"/>
              </a:lnTo>
              <a:lnTo>
                <a:pt x="8822" y="13033"/>
              </a:lnTo>
              <a:lnTo>
                <a:pt x="11091" y="13964"/>
              </a:lnTo>
              <a:lnTo>
                <a:pt x="12099" y="14708"/>
              </a:lnTo>
              <a:lnTo>
                <a:pt x="12351" y="16012"/>
              </a:lnTo>
              <a:lnTo>
                <a:pt x="13611" y="16384"/>
              </a:lnTo>
              <a:lnTo>
                <a:pt x="13359" y="15639"/>
              </a:lnTo>
              <a:lnTo>
                <a:pt x="15376" y="15639"/>
              </a:lnTo>
              <a:lnTo>
                <a:pt x="16384" y="13591"/>
              </a:lnTo>
              <a:lnTo>
                <a:pt x="15376" y="12660"/>
              </a:lnTo>
              <a:lnTo>
                <a:pt x="12603" y="10985"/>
              </a:lnTo>
              <a:lnTo>
                <a:pt x="13863" y="10426"/>
              </a:lnTo>
              <a:lnTo>
                <a:pt x="14620" y="9123"/>
              </a:lnTo>
              <a:lnTo>
                <a:pt x="14368" y="7820"/>
              </a:lnTo>
              <a:lnTo>
                <a:pt x="14115" y="6330"/>
              </a:lnTo>
              <a:lnTo>
                <a:pt x="14368" y="6144"/>
              </a:lnTo>
              <a:lnTo>
                <a:pt x="15124" y="5027"/>
              </a:lnTo>
              <a:lnTo>
                <a:pt x="15880" y="4655"/>
              </a:lnTo>
              <a:lnTo>
                <a:pt x="16132" y="3537"/>
              </a:lnTo>
              <a:lnTo>
                <a:pt x="15628" y="2607"/>
              </a:lnTo>
              <a:lnTo>
                <a:pt x="14872" y="2048"/>
              </a:lnTo>
              <a:lnTo>
                <a:pt x="14872" y="0"/>
              </a:lnTo>
              <a:lnTo>
                <a:pt x="10335" y="186"/>
              </a:lnTo>
              <a:lnTo>
                <a:pt x="6049" y="559"/>
              </a:lnTo>
              <a:lnTo>
                <a:pt x="5545" y="0"/>
              </a:lnTo>
              <a:lnTo>
                <a:pt x="4537" y="186"/>
              </a:lnTo>
              <a:lnTo>
                <a:pt x="4285" y="1117"/>
              </a:lnTo>
              <a:lnTo>
                <a:pt x="3529" y="2048"/>
              </a:lnTo>
              <a:lnTo>
                <a:pt x="2521" y="2979"/>
              </a:lnTo>
              <a:lnTo>
                <a:pt x="2016" y="3165"/>
              </a:lnTo>
              <a:lnTo>
                <a:pt x="1008" y="4841"/>
              </a:lnTo>
              <a:lnTo>
                <a:pt x="0" y="5213"/>
              </a:lnTo>
              <a:lnTo>
                <a:pt x="0" y="5585"/>
              </a:lnTo>
              <a:lnTo>
                <a:pt x="1008" y="6144"/>
              </a:lnTo>
              <a:lnTo>
                <a:pt x="1260" y="7261"/>
              </a:lnTo>
              <a:lnTo>
                <a:pt x="2016" y="9123"/>
              </a:lnTo>
              <a:lnTo>
                <a:pt x="2269" y="10426"/>
              </a:lnTo>
              <a:lnTo>
                <a:pt x="1512" y="12288"/>
              </a:lnTo>
              <a:lnTo>
                <a:pt x="1260" y="13777"/>
              </a:lnTo>
              <a:lnTo>
                <a:pt x="1260" y="1619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666749</xdr:colOff>
      <xdr:row>10</xdr:row>
      <xdr:rowOff>109008</xdr:rowOff>
    </xdr:from>
    <xdr:to>
      <xdr:col>23</xdr:col>
      <xdr:colOff>378778</xdr:colOff>
      <xdr:row>12</xdr:row>
      <xdr:rowOff>166498</xdr:rowOff>
    </xdr:to>
    <xdr:sp macro="" textlink="">
      <xdr:nvSpPr>
        <xdr:cNvPr id="42" name="d14321"/>
        <xdr:cNvSpPr>
          <a:spLocks/>
        </xdr:cNvSpPr>
      </xdr:nvSpPr>
      <xdr:spPr bwMode="auto">
        <a:xfrm>
          <a:off x="17134973" y="4049350"/>
          <a:ext cx="398831" cy="68914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2286" y="2214"/>
              </a:moveTo>
              <a:lnTo>
                <a:pt x="3048" y="3321"/>
              </a:lnTo>
              <a:lnTo>
                <a:pt x="3048" y="4428"/>
              </a:lnTo>
              <a:lnTo>
                <a:pt x="2667" y="5978"/>
              </a:lnTo>
              <a:lnTo>
                <a:pt x="1524" y="7528"/>
              </a:lnTo>
              <a:lnTo>
                <a:pt x="1524" y="9299"/>
              </a:lnTo>
              <a:lnTo>
                <a:pt x="381" y="11070"/>
              </a:lnTo>
              <a:lnTo>
                <a:pt x="0" y="11956"/>
              </a:lnTo>
              <a:lnTo>
                <a:pt x="1524" y="13284"/>
              </a:lnTo>
              <a:lnTo>
                <a:pt x="1905" y="14391"/>
              </a:lnTo>
              <a:lnTo>
                <a:pt x="762" y="14834"/>
              </a:lnTo>
              <a:lnTo>
                <a:pt x="381" y="16384"/>
              </a:lnTo>
              <a:lnTo>
                <a:pt x="3048" y="16384"/>
              </a:lnTo>
              <a:lnTo>
                <a:pt x="6477" y="15941"/>
              </a:lnTo>
              <a:lnTo>
                <a:pt x="11431" y="15720"/>
              </a:lnTo>
              <a:lnTo>
                <a:pt x="12574" y="14391"/>
              </a:lnTo>
              <a:lnTo>
                <a:pt x="12574" y="13506"/>
              </a:lnTo>
              <a:lnTo>
                <a:pt x="11431" y="12842"/>
              </a:lnTo>
              <a:lnTo>
                <a:pt x="11812" y="11956"/>
              </a:lnTo>
              <a:lnTo>
                <a:pt x="13717" y="11070"/>
              </a:lnTo>
              <a:lnTo>
                <a:pt x="15241" y="10185"/>
              </a:lnTo>
              <a:lnTo>
                <a:pt x="16003" y="8635"/>
              </a:lnTo>
              <a:lnTo>
                <a:pt x="16384" y="7528"/>
              </a:lnTo>
              <a:lnTo>
                <a:pt x="15622" y="6864"/>
              </a:lnTo>
              <a:lnTo>
                <a:pt x="14098" y="5314"/>
              </a:lnTo>
              <a:lnTo>
                <a:pt x="14479" y="3321"/>
              </a:lnTo>
              <a:lnTo>
                <a:pt x="12193" y="3321"/>
              </a:lnTo>
              <a:lnTo>
                <a:pt x="12955" y="1328"/>
              </a:lnTo>
              <a:lnTo>
                <a:pt x="11431" y="1107"/>
              </a:lnTo>
              <a:lnTo>
                <a:pt x="12193" y="0"/>
              </a:lnTo>
              <a:lnTo>
                <a:pt x="9907" y="221"/>
              </a:lnTo>
              <a:lnTo>
                <a:pt x="7620" y="443"/>
              </a:lnTo>
              <a:lnTo>
                <a:pt x="6477" y="0"/>
              </a:lnTo>
              <a:lnTo>
                <a:pt x="3048" y="221"/>
              </a:lnTo>
              <a:lnTo>
                <a:pt x="1143" y="221"/>
              </a:lnTo>
              <a:lnTo>
                <a:pt x="1905" y="886"/>
              </a:lnTo>
              <a:lnTo>
                <a:pt x="2286" y="221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49907</xdr:colOff>
      <xdr:row>13</xdr:row>
      <xdr:rowOff>43571</xdr:rowOff>
    </xdr:from>
    <xdr:to>
      <xdr:col>22</xdr:col>
      <xdr:colOff>339783</xdr:colOff>
      <xdr:row>14</xdr:row>
      <xdr:rowOff>222107</xdr:rowOff>
    </xdr:to>
    <xdr:sp macro="" textlink="">
      <xdr:nvSpPr>
        <xdr:cNvPr id="43" name="d14341"/>
        <xdr:cNvSpPr>
          <a:spLocks/>
        </xdr:cNvSpPr>
      </xdr:nvSpPr>
      <xdr:spPr bwMode="auto">
        <a:xfrm>
          <a:off x="15764557" y="4882271"/>
          <a:ext cx="818526" cy="48968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5573" y="9892"/>
              </a:moveTo>
              <a:lnTo>
                <a:pt x="14762" y="8656"/>
              </a:lnTo>
              <a:lnTo>
                <a:pt x="15086" y="6492"/>
              </a:lnTo>
              <a:lnTo>
                <a:pt x="15573" y="6183"/>
              </a:lnTo>
              <a:lnTo>
                <a:pt x="16384" y="5255"/>
              </a:lnTo>
              <a:lnTo>
                <a:pt x="15897" y="4019"/>
              </a:lnTo>
              <a:lnTo>
                <a:pt x="14762" y="4019"/>
              </a:lnTo>
              <a:lnTo>
                <a:pt x="14437" y="2473"/>
              </a:lnTo>
              <a:lnTo>
                <a:pt x="14113" y="4019"/>
              </a:lnTo>
              <a:lnTo>
                <a:pt x="12815" y="4946"/>
              </a:lnTo>
              <a:lnTo>
                <a:pt x="11842" y="6492"/>
              </a:lnTo>
              <a:lnTo>
                <a:pt x="10544" y="6801"/>
              </a:lnTo>
              <a:lnTo>
                <a:pt x="10382" y="5874"/>
              </a:lnTo>
              <a:lnTo>
                <a:pt x="9409" y="5255"/>
              </a:lnTo>
              <a:lnTo>
                <a:pt x="8922" y="4019"/>
              </a:lnTo>
              <a:lnTo>
                <a:pt x="8435" y="4019"/>
              </a:lnTo>
              <a:lnTo>
                <a:pt x="8922" y="2164"/>
              </a:lnTo>
              <a:lnTo>
                <a:pt x="8435" y="1546"/>
              </a:lnTo>
              <a:lnTo>
                <a:pt x="6489" y="1546"/>
              </a:lnTo>
              <a:lnTo>
                <a:pt x="6002" y="618"/>
              </a:lnTo>
              <a:lnTo>
                <a:pt x="5029" y="618"/>
              </a:lnTo>
              <a:lnTo>
                <a:pt x="4380" y="0"/>
              </a:lnTo>
              <a:lnTo>
                <a:pt x="3082" y="309"/>
              </a:lnTo>
              <a:lnTo>
                <a:pt x="2109" y="0"/>
              </a:lnTo>
              <a:lnTo>
                <a:pt x="1298" y="1855"/>
              </a:lnTo>
              <a:lnTo>
                <a:pt x="0" y="2164"/>
              </a:lnTo>
              <a:lnTo>
                <a:pt x="811" y="5874"/>
              </a:lnTo>
              <a:lnTo>
                <a:pt x="1298" y="8656"/>
              </a:lnTo>
              <a:lnTo>
                <a:pt x="2433" y="8656"/>
              </a:lnTo>
              <a:lnTo>
                <a:pt x="2758" y="10820"/>
              </a:lnTo>
              <a:lnTo>
                <a:pt x="2758" y="12674"/>
              </a:lnTo>
              <a:lnTo>
                <a:pt x="3244" y="14529"/>
              </a:lnTo>
              <a:lnTo>
                <a:pt x="3407" y="16384"/>
              </a:lnTo>
              <a:lnTo>
                <a:pt x="9895" y="13911"/>
              </a:lnTo>
              <a:lnTo>
                <a:pt x="12815" y="12674"/>
              </a:lnTo>
              <a:lnTo>
                <a:pt x="13140" y="11438"/>
              </a:lnTo>
              <a:lnTo>
                <a:pt x="15573" y="9892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129451</xdr:colOff>
      <xdr:row>11</xdr:row>
      <xdr:rowOff>299409</xdr:rowOff>
    </xdr:from>
    <xdr:to>
      <xdr:col>21</xdr:col>
      <xdr:colOff>146117</xdr:colOff>
      <xdr:row>14</xdr:row>
      <xdr:rowOff>63263</xdr:rowOff>
    </xdr:to>
    <xdr:sp macro="" textlink="">
      <xdr:nvSpPr>
        <xdr:cNvPr id="44" name="d14361"/>
        <xdr:cNvSpPr>
          <a:spLocks/>
        </xdr:cNvSpPr>
      </xdr:nvSpPr>
      <xdr:spPr bwMode="auto">
        <a:xfrm>
          <a:off x="15206165" y="4561166"/>
          <a:ext cx="702466" cy="71091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410" y="12233"/>
              </a:moveTo>
              <a:lnTo>
                <a:pt x="1024" y="13107"/>
              </a:lnTo>
              <a:lnTo>
                <a:pt x="1843" y="13763"/>
              </a:lnTo>
              <a:lnTo>
                <a:pt x="3072" y="14418"/>
              </a:lnTo>
              <a:lnTo>
                <a:pt x="3482" y="14636"/>
              </a:lnTo>
              <a:lnTo>
                <a:pt x="4096" y="15292"/>
              </a:lnTo>
              <a:lnTo>
                <a:pt x="4301" y="16384"/>
              </a:lnTo>
              <a:lnTo>
                <a:pt x="5325" y="15729"/>
              </a:lnTo>
              <a:lnTo>
                <a:pt x="6144" y="14855"/>
              </a:lnTo>
              <a:lnTo>
                <a:pt x="7168" y="13763"/>
              </a:lnTo>
              <a:lnTo>
                <a:pt x="8806" y="14199"/>
              </a:lnTo>
              <a:lnTo>
                <a:pt x="10035" y="14418"/>
              </a:lnTo>
              <a:lnTo>
                <a:pt x="11059" y="13326"/>
              </a:lnTo>
              <a:lnTo>
                <a:pt x="11469" y="13107"/>
              </a:lnTo>
              <a:lnTo>
                <a:pt x="12288" y="13107"/>
              </a:lnTo>
              <a:lnTo>
                <a:pt x="13722" y="11360"/>
              </a:lnTo>
              <a:lnTo>
                <a:pt x="15360" y="10049"/>
              </a:lnTo>
              <a:lnTo>
                <a:pt x="14746" y="8738"/>
              </a:lnTo>
              <a:lnTo>
                <a:pt x="13312" y="7646"/>
              </a:lnTo>
              <a:lnTo>
                <a:pt x="13312" y="3932"/>
              </a:lnTo>
              <a:lnTo>
                <a:pt x="14541" y="2840"/>
              </a:lnTo>
              <a:lnTo>
                <a:pt x="16384" y="2403"/>
              </a:lnTo>
              <a:lnTo>
                <a:pt x="14336" y="2185"/>
              </a:lnTo>
              <a:lnTo>
                <a:pt x="12902" y="3058"/>
              </a:lnTo>
              <a:lnTo>
                <a:pt x="11059" y="2621"/>
              </a:lnTo>
              <a:lnTo>
                <a:pt x="9216" y="2403"/>
              </a:lnTo>
              <a:lnTo>
                <a:pt x="7987" y="2840"/>
              </a:lnTo>
              <a:lnTo>
                <a:pt x="6758" y="1748"/>
              </a:lnTo>
              <a:lnTo>
                <a:pt x="6758" y="1529"/>
              </a:lnTo>
              <a:lnTo>
                <a:pt x="6554" y="1092"/>
              </a:lnTo>
              <a:lnTo>
                <a:pt x="6554" y="655"/>
              </a:lnTo>
              <a:lnTo>
                <a:pt x="5734" y="437"/>
              </a:lnTo>
              <a:lnTo>
                <a:pt x="5530" y="0"/>
              </a:lnTo>
              <a:lnTo>
                <a:pt x="4915" y="0"/>
              </a:lnTo>
              <a:lnTo>
                <a:pt x="4506" y="655"/>
              </a:lnTo>
              <a:lnTo>
                <a:pt x="3686" y="655"/>
              </a:lnTo>
              <a:lnTo>
                <a:pt x="3277" y="1966"/>
              </a:lnTo>
              <a:lnTo>
                <a:pt x="1843" y="1748"/>
              </a:lnTo>
              <a:lnTo>
                <a:pt x="0" y="3058"/>
              </a:lnTo>
              <a:lnTo>
                <a:pt x="0" y="3714"/>
              </a:lnTo>
              <a:lnTo>
                <a:pt x="410" y="4588"/>
              </a:lnTo>
              <a:lnTo>
                <a:pt x="1024" y="5461"/>
              </a:lnTo>
              <a:lnTo>
                <a:pt x="1434" y="6335"/>
              </a:lnTo>
              <a:lnTo>
                <a:pt x="1229" y="7209"/>
              </a:lnTo>
              <a:lnTo>
                <a:pt x="614" y="8301"/>
              </a:lnTo>
              <a:lnTo>
                <a:pt x="819" y="8520"/>
              </a:lnTo>
              <a:lnTo>
                <a:pt x="1434" y="8301"/>
              </a:lnTo>
              <a:lnTo>
                <a:pt x="1638" y="9175"/>
              </a:lnTo>
              <a:lnTo>
                <a:pt x="1638" y="9830"/>
              </a:lnTo>
              <a:lnTo>
                <a:pt x="2048" y="10049"/>
              </a:lnTo>
              <a:lnTo>
                <a:pt x="1434" y="10923"/>
              </a:lnTo>
              <a:lnTo>
                <a:pt x="1024" y="11578"/>
              </a:lnTo>
              <a:lnTo>
                <a:pt x="410" y="12233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922130</xdr:colOff>
      <xdr:row>8</xdr:row>
      <xdr:rowOff>107621</xdr:rowOff>
    </xdr:from>
    <xdr:to>
      <xdr:col>19</xdr:col>
      <xdr:colOff>590237</xdr:colOff>
      <xdr:row>12</xdr:row>
      <xdr:rowOff>308215</xdr:rowOff>
    </xdr:to>
    <xdr:sp macro="" textlink="">
      <xdr:nvSpPr>
        <xdr:cNvPr id="45" name="d14363"/>
        <xdr:cNvSpPr>
          <a:spLocks/>
        </xdr:cNvSpPr>
      </xdr:nvSpPr>
      <xdr:spPr bwMode="auto">
        <a:xfrm>
          <a:off x="14358730" y="3390571"/>
          <a:ext cx="588857" cy="1445194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w 16384"/>
            <a:gd name="T127" fmla="*/ 0 h 16384"/>
            <a:gd name="T128" fmla="*/ 16384 w 16384"/>
            <a:gd name="T129" fmla="*/ 16384 h 16384"/>
          </a:gdLst>
          <a:ahLst/>
          <a:cxnLst>
            <a:cxn ang="T84">
              <a:pos x="T0" y="T1"/>
            </a:cxn>
            <a:cxn ang="T85">
              <a:pos x="T2" y="T3"/>
            </a:cxn>
            <a:cxn ang="T86">
              <a:pos x="T4" y="T5"/>
            </a:cxn>
            <a:cxn ang="T87">
              <a:pos x="T6" y="T7"/>
            </a:cxn>
            <a:cxn ang="T88">
              <a:pos x="T8" y="T9"/>
            </a:cxn>
            <a:cxn ang="T89">
              <a:pos x="T10" y="T11"/>
            </a:cxn>
            <a:cxn ang="T90">
              <a:pos x="T12" y="T13"/>
            </a:cxn>
            <a:cxn ang="T91">
              <a:pos x="T14" y="T15"/>
            </a:cxn>
            <a:cxn ang="T92">
              <a:pos x="T16" y="T17"/>
            </a:cxn>
            <a:cxn ang="T93">
              <a:pos x="T18" y="T19"/>
            </a:cxn>
            <a:cxn ang="T94">
              <a:pos x="T20" y="T21"/>
            </a:cxn>
            <a:cxn ang="T95">
              <a:pos x="T22" y="T23"/>
            </a:cxn>
            <a:cxn ang="T96">
              <a:pos x="T24" y="T25"/>
            </a:cxn>
            <a:cxn ang="T97">
              <a:pos x="T26" y="T27"/>
            </a:cxn>
            <a:cxn ang="T98">
              <a:pos x="T28" y="T29"/>
            </a:cxn>
            <a:cxn ang="T99">
              <a:pos x="T30" y="T31"/>
            </a:cxn>
            <a:cxn ang="T100">
              <a:pos x="T32" y="T33"/>
            </a:cxn>
            <a:cxn ang="T101">
              <a:pos x="T34" y="T35"/>
            </a:cxn>
            <a:cxn ang="T102">
              <a:pos x="T36" y="T37"/>
            </a:cxn>
            <a:cxn ang="T103">
              <a:pos x="T38" y="T39"/>
            </a:cxn>
            <a:cxn ang="T104">
              <a:pos x="T40" y="T41"/>
            </a:cxn>
            <a:cxn ang="T105">
              <a:pos x="T42" y="T43"/>
            </a:cxn>
            <a:cxn ang="T106">
              <a:pos x="T44" y="T45"/>
            </a:cxn>
            <a:cxn ang="T107">
              <a:pos x="T46" y="T47"/>
            </a:cxn>
            <a:cxn ang="T108">
              <a:pos x="T48" y="T49"/>
            </a:cxn>
            <a:cxn ang="T109">
              <a:pos x="T50" y="T51"/>
            </a:cxn>
            <a:cxn ang="T110">
              <a:pos x="T52" y="T53"/>
            </a:cxn>
            <a:cxn ang="T111">
              <a:pos x="T54" y="T55"/>
            </a:cxn>
            <a:cxn ang="T112">
              <a:pos x="T56" y="T57"/>
            </a:cxn>
            <a:cxn ang="T113">
              <a:pos x="T58" y="T59"/>
            </a:cxn>
            <a:cxn ang="T114">
              <a:pos x="T60" y="T61"/>
            </a:cxn>
            <a:cxn ang="T115">
              <a:pos x="T62" y="T63"/>
            </a:cxn>
            <a:cxn ang="T116">
              <a:pos x="T64" y="T65"/>
            </a:cxn>
            <a:cxn ang="T117">
              <a:pos x="T66" y="T67"/>
            </a:cxn>
            <a:cxn ang="T118">
              <a:pos x="T68" y="T69"/>
            </a:cxn>
            <a:cxn ang="T119">
              <a:pos x="T70" y="T71"/>
            </a:cxn>
            <a:cxn ang="T120">
              <a:pos x="T72" y="T73"/>
            </a:cxn>
            <a:cxn ang="T121">
              <a:pos x="T74" y="T75"/>
            </a:cxn>
            <a:cxn ang="T122">
              <a:pos x="T76" y="T77"/>
            </a:cxn>
            <a:cxn ang="T123">
              <a:pos x="T78" y="T79"/>
            </a:cxn>
            <a:cxn ang="T124">
              <a:pos x="T80" y="T81"/>
            </a:cxn>
            <a:cxn ang="T125">
              <a:pos x="T82" y="T83"/>
            </a:cxn>
          </a:cxnLst>
          <a:rect l="T126" t="T127" r="T128" b="T129"/>
          <a:pathLst>
            <a:path w="16384" h="16384">
              <a:moveTo>
                <a:pt x="16384" y="13358"/>
              </a:moveTo>
              <a:lnTo>
                <a:pt x="15292" y="12314"/>
              </a:lnTo>
              <a:lnTo>
                <a:pt x="12015" y="10018"/>
              </a:lnTo>
              <a:lnTo>
                <a:pt x="12015" y="9496"/>
              </a:lnTo>
              <a:lnTo>
                <a:pt x="12233" y="8766"/>
              </a:lnTo>
              <a:lnTo>
                <a:pt x="12670" y="8349"/>
              </a:lnTo>
              <a:lnTo>
                <a:pt x="13544" y="8140"/>
              </a:lnTo>
              <a:lnTo>
                <a:pt x="13763" y="7827"/>
              </a:lnTo>
              <a:lnTo>
                <a:pt x="13544" y="7305"/>
              </a:lnTo>
              <a:lnTo>
                <a:pt x="13107" y="6783"/>
              </a:lnTo>
              <a:lnTo>
                <a:pt x="13326" y="6366"/>
              </a:lnTo>
              <a:lnTo>
                <a:pt x="12233" y="5740"/>
              </a:lnTo>
              <a:lnTo>
                <a:pt x="12452" y="5427"/>
              </a:lnTo>
              <a:lnTo>
                <a:pt x="12670" y="5218"/>
              </a:lnTo>
              <a:lnTo>
                <a:pt x="12889" y="4800"/>
              </a:lnTo>
              <a:lnTo>
                <a:pt x="12670" y="4174"/>
              </a:lnTo>
              <a:lnTo>
                <a:pt x="12889" y="3757"/>
              </a:lnTo>
              <a:lnTo>
                <a:pt x="12670" y="3339"/>
              </a:lnTo>
              <a:lnTo>
                <a:pt x="12452" y="3026"/>
              </a:lnTo>
              <a:lnTo>
                <a:pt x="12452" y="2505"/>
              </a:lnTo>
              <a:lnTo>
                <a:pt x="11796" y="2087"/>
              </a:lnTo>
              <a:lnTo>
                <a:pt x="11360" y="1461"/>
              </a:lnTo>
              <a:lnTo>
                <a:pt x="11578" y="939"/>
              </a:lnTo>
              <a:lnTo>
                <a:pt x="11360" y="626"/>
              </a:lnTo>
              <a:lnTo>
                <a:pt x="9393" y="313"/>
              </a:lnTo>
              <a:lnTo>
                <a:pt x="8520" y="0"/>
              </a:lnTo>
              <a:lnTo>
                <a:pt x="7646" y="209"/>
              </a:lnTo>
              <a:lnTo>
                <a:pt x="7646" y="626"/>
              </a:lnTo>
              <a:lnTo>
                <a:pt x="6991" y="939"/>
              </a:lnTo>
              <a:lnTo>
                <a:pt x="6554" y="1148"/>
              </a:lnTo>
              <a:lnTo>
                <a:pt x="5243" y="1461"/>
              </a:lnTo>
              <a:lnTo>
                <a:pt x="4588" y="1983"/>
              </a:lnTo>
              <a:lnTo>
                <a:pt x="4369" y="2296"/>
              </a:lnTo>
              <a:lnTo>
                <a:pt x="3495" y="2505"/>
              </a:lnTo>
              <a:lnTo>
                <a:pt x="2621" y="2609"/>
              </a:lnTo>
              <a:lnTo>
                <a:pt x="1966" y="2922"/>
              </a:lnTo>
              <a:lnTo>
                <a:pt x="1748" y="3235"/>
              </a:lnTo>
              <a:lnTo>
                <a:pt x="1748" y="3548"/>
              </a:lnTo>
              <a:lnTo>
                <a:pt x="874" y="4070"/>
              </a:lnTo>
              <a:lnTo>
                <a:pt x="655" y="4487"/>
              </a:lnTo>
              <a:lnTo>
                <a:pt x="1311" y="4800"/>
              </a:lnTo>
              <a:lnTo>
                <a:pt x="1748" y="5218"/>
              </a:lnTo>
              <a:lnTo>
                <a:pt x="1748" y="5531"/>
              </a:lnTo>
              <a:lnTo>
                <a:pt x="1311" y="5844"/>
              </a:lnTo>
              <a:lnTo>
                <a:pt x="655" y="5948"/>
              </a:lnTo>
              <a:lnTo>
                <a:pt x="655" y="6261"/>
              </a:lnTo>
              <a:lnTo>
                <a:pt x="437" y="6888"/>
              </a:lnTo>
              <a:lnTo>
                <a:pt x="218" y="7305"/>
              </a:lnTo>
              <a:lnTo>
                <a:pt x="218" y="7827"/>
              </a:lnTo>
              <a:lnTo>
                <a:pt x="0" y="8244"/>
              </a:lnTo>
              <a:lnTo>
                <a:pt x="1092" y="8557"/>
              </a:lnTo>
              <a:lnTo>
                <a:pt x="2621" y="9079"/>
              </a:lnTo>
              <a:lnTo>
                <a:pt x="4369" y="9496"/>
              </a:lnTo>
              <a:lnTo>
                <a:pt x="5898" y="9810"/>
              </a:lnTo>
              <a:lnTo>
                <a:pt x="6117" y="10227"/>
              </a:lnTo>
              <a:lnTo>
                <a:pt x="7646" y="10540"/>
              </a:lnTo>
              <a:lnTo>
                <a:pt x="7646" y="10749"/>
              </a:lnTo>
              <a:lnTo>
                <a:pt x="6554" y="10644"/>
              </a:lnTo>
              <a:lnTo>
                <a:pt x="6335" y="10957"/>
              </a:lnTo>
              <a:lnTo>
                <a:pt x="6335" y="11584"/>
              </a:lnTo>
              <a:lnTo>
                <a:pt x="6554" y="12001"/>
              </a:lnTo>
              <a:lnTo>
                <a:pt x="6117" y="12627"/>
              </a:lnTo>
              <a:lnTo>
                <a:pt x="5024" y="13045"/>
              </a:lnTo>
              <a:lnTo>
                <a:pt x="3714" y="13358"/>
              </a:lnTo>
              <a:lnTo>
                <a:pt x="3277" y="13671"/>
              </a:lnTo>
              <a:lnTo>
                <a:pt x="3058" y="14088"/>
              </a:lnTo>
              <a:lnTo>
                <a:pt x="3714" y="14088"/>
              </a:lnTo>
              <a:lnTo>
                <a:pt x="4588" y="14297"/>
              </a:lnTo>
              <a:lnTo>
                <a:pt x="5680" y="14714"/>
              </a:lnTo>
              <a:lnTo>
                <a:pt x="6554" y="14923"/>
              </a:lnTo>
              <a:lnTo>
                <a:pt x="7864" y="15236"/>
              </a:lnTo>
              <a:lnTo>
                <a:pt x="8738" y="15549"/>
              </a:lnTo>
              <a:lnTo>
                <a:pt x="9393" y="16071"/>
              </a:lnTo>
              <a:lnTo>
                <a:pt x="10704" y="16384"/>
              </a:lnTo>
              <a:lnTo>
                <a:pt x="11578" y="16280"/>
              </a:lnTo>
              <a:lnTo>
                <a:pt x="11796" y="15758"/>
              </a:lnTo>
              <a:lnTo>
                <a:pt x="12452" y="15549"/>
              </a:lnTo>
              <a:lnTo>
                <a:pt x="13544" y="15445"/>
              </a:lnTo>
              <a:lnTo>
                <a:pt x="14199" y="15132"/>
              </a:lnTo>
              <a:lnTo>
                <a:pt x="15292" y="15236"/>
              </a:lnTo>
              <a:lnTo>
                <a:pt x="15947" y="14923"/>
              </a:lnTo>
              <a:lnTo>
                <a:pt x="16384" y="14506"/>
              </a:lnTo>
              <a:lnTo>
                <a:pt x="16384" y="13984"/>
              </a:lnTo>
              <a:lnTo>
                <a:pt x="16384" y="13358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37000</xdr:colOff>
      <xdr:row>12</xdr:row>
      <xdr:rowOff>106634</xdr:rowOff>
    </xdr:from>
    <xdr:to>
      <xdr:col>19</xdr:col>
      <xdr:colOff>421913</xdr:colOff>
      <xdr:row>13</xdr:row>
      <xdr:rowOff>283809</xdr:rowOff>
    </xdr:to>
    <xdr:sp macro="" textlink="">
      <xdr:nvSpPr>
        <xdr:cNvPr id="46" name="d14366"/>
        <xdr:cNvSpPr>
          <a:spLocks/>
        </xdr:cNvSpPr>
      </xdr:nvSpPr>
      <xdr:spPr bwMode="auto">
        <a:xfrm>
          <a:off x="14394350" y="4634184"/>
          <a:ext cx="384913" cy="48832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12955" y="5874"/>
              </a:moveTo>
              <a:lnTo>
                <a:pt x="11812" y="4328"/>
              </a:lnTo>
              <a:lnTo>
                <a:pt x="10288" y="3400"/>
              </a:lnTo>
              <a:lnTo>
                <a:pt x="8001" y="2473"/>
              </a:lnTo>
              <a:lnTo>
                <a:pt x="6477" y="1855"/>
              </a:lnTo>
              <a:lnTo>
                <a:pt x="4572" y="618"/>
              </a:lnTo>
              <a:lnTo>
                <a:pt x="3048" y="0"/>
              </a:lnTo>
              <a:lnTo>
                <a:pt x="1905" y="0"/>
              </a:lnTo>
              <a:lnTo>
                <a:pt x="1905" y="927"/>
              </a:lnTo>
              <a:lnTo>
                <a:pt x="1143" y="1855"/>
              </a:lnTo>
              <a:lnTo>
                <a:pt x="0" y="2782"/>
              </a:lnTo>
              <a:lnTo>
                <a:pt x="1143" y="4637"/>
              </a:lnTo>
              <a:lnTo>
                <a:pt x="2286" y="5255"/>
              </a:lnTo>
              <a:lnTo>
                <a:pt x="3810" y="6183"/>
              </a:lnTo>
              <a:lnTo>
                <a:pt x="4191" y="7419"/>
              </a:lnTo>
              <a:lnTo>
                <a:pt x="4572" y="9274"/>
              </a:lnTo>
              <a:lnTo>
                <a:pt x="5715" y="11438"/>
              </a:lnTo>
              <a:lnTo>
                <a:pt x="6477" y="13911"/>
              </a:lnTo>
              <a:lnTo>
                <a:pt x="6858" y="14220"/>
              </a:lnTo>
              <a:lnTo>
                <a:pt x="8383" y="14838"/>
              </a:lnTo>
              <a:lnTo>
                <a:pt x="9526" y="15147"/>
              </a:lnTo>
              <a:lnTo>
                <a:pt x="9907" y="16075"/>
              </a:lnTo>
              <a:lnTo>
                <a:pt x="11050" y="16384"/>
              </a:lnTo>
              <a:lnTo>
                <a:pt x="11431" y="15147"/>
              </a:lnTo>
              <a:lnTo>
                <a:pt x="12574" y="14529"/>
              </a:lnTo>
              <a:lnTo>
                <a:pt x="14479" y="14220"/>
              </a:lnTo>
              <a:lnTo>
                <a:pt x="14860" y="12674"/>
              </a:lnTo>
              <a:lnTo>
                <a:pt x="16384" y="12365"/>
              </a:lnTo>
              <a:lnTo>
                <a:pt x="16003" y="12056"/>
              </a:lnTo>
              <a:lnTo>
                <a:pt x="14860" y="10510"/>
              </a:lnTo>
              <a:lnTo>
                <a:pt x="13336" y="9274"/>
              </a:lnTo>
              <a:lnTo>
                <a:pt x="12955" y="7728"/>
              </a:lnTo>
              <a:lnTo>
                <a:pt x="12955" y="5874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96388</xdr:colOff>
      <xdr:row>3</xdr:row>
      <xdr:rowOff>600435</xdr:rowOff>
    </xdr:from>
    <xdr:to>
      <xdr:col>22</xdr:col>
      <xdr:colOff>519606</xdr:colOff>
      <xdr:row>6</xdr:row>
      <xdr:rowOff>30803</xdr:rowOff>
    </xdr:to>
    <xdr:sp macro="" textlink="">
      <xdr:nvSpPr>
        <xdr:cNvPr id="47" name="d14401"/>
        <xdr:cNvSpPr>
          <a:spLocks/>
        </xdr:cNvSpPr>
      </xdr:nvSpPr>
      <xdr:spPr bwMode="auto">
        <a:xfrm>
          <a:off x="15711038" y="1908535"/>
          <a:ext cx="1051868" cy="78291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16261" y="8383"/>
              </a:moveTo>
              <a:lnTo>
                <a:pt x="15398" y="7430"/>
              </a:lnTo>
              <a:lnTo>
                <a:pt x="14290" y="6096"/>
              </a:lnTo>
              <a:lnTo>
                <a:pt x="13058" y="4953"/>
              </a:lnTo>
              <a:lnTo>
                <a:pt x="12072" y="4191"/>
              </a:lnTo>
              <a:lnTo>
                <a:pt x="11826" y="4572"/>
              </a:lnTo>
              <a:lnTo>
                <a:pt x="11456" y="4572"/>
              </a:lnTo>
              <a:lnTo>
                <a:pt x="11087" y="4953"/>
              </a:lnTo>
              <a:lnTo>
                <a:pt x="10594" y="5334"/>
              </a:lnTo>
              <a:lnTo>
                <a:pt x="10225" y="4763"/>
              </a:lnTo>
              <a:lnTo>
                <a:pt x="9978" y="4191"/>
              </a:lnTo>
              <a:lnTo>
                <a:pt x="9609" y="3620"/>
              </a:lnTo>
              <a:lnTo>
                <a:pt x="9362" y="3620"/>
              </a:lnTo>
              <a:lnTo>
                <a:pt x="8993" y="2667"/>
              </a:lnTo>
              <a:lnTo>
                <a:pt x="8746" y="2477"/>
              </a:lnTo>
              <a:lnTo>
                <a:pt x="8500" y="1524"/>
              </a:lnTo>
              <a:lnTo>
                <a:pt x="8130" y="1143"/>
              </a:lnTo>
              <a:lnTo>
                <a:pt x="7638" y="572"/>
              </a:lnTo>
              <a:lnTo>
                <a:pt x="7391" y="191"/>
              </a:lnTo>
              <a:lnTo>
                <a:pt x="7022" y="381"/>
              </a:lnTo>
              <a:lnTo>
                <a:pt x="6652" y="0"/>
              </a:lnTo>
              <a:lnTo>
                <a:pt x="5913" y="381"/>
              </a:lnTo>
              <a:lnTo>
                <a:pt x="5913" y="953"/>
              </a:lnTo>
              <a:lnTo>
                <a:pt x="5420" y="1334"/>
              </a:lnTo>
              <a:lnTo>
                <a:pt x="5051" y="1715"/>
              </a:lnTo>
              <a:lnTo>
                <a:pt x="5051" y="2667"/>
              </a:lnTo>
              <a:lnTo>
                <a:pt x="5051" y="3239"/>
              </a:lnTo>
              <a:lnTo>
                <a:pt x="4681" y="3048"/>
              </a:lnTo>
              <a:lnTo>
                <a:pt x="4435" y="2667"/>
              </a:lnTo>
              <a:lnTo>
                <a:pt x="3696" y="2477"/>
              </a:lnTo>
              <a:lnTo>
                <a:pt x="3572" y="2096"/>
              </a:lnTo>
              <a:lnTo>
                <a:pt x="3203" y="2096"/>
              </a:lnTo>
              <a:lnTo>
                <a:pt x="2957" y="1715"/>
              </a:lnTo>
              <a:lnTo>
                <a:pt x="2464" y="2096"/>
              </a:lnTo>
              <a:lnTo>
                <a:pt x="1848" y="2286"/>
              </a:lnTo>
              <a:lnTo>
                <a:pt x="1355" y="2286"/>
              </a:lnTo>
              <a:lnTo>
                <a:pt x="862" y="2858"/>
              </a:lnTo>
              <a:lnTo>
                <a:pt x="493" y="3239"/>
              </a:lnTo>
              <a:lnTo>
                <a:pt x="370" y="3810"/>
              </a:lnTo>
              <a:lnTo>
                <a:pt x="493" y="4763"/>
              </a:lnTo>
              <a:lnTo>
                <a:pt x="246" y="5144"/>
              </a:lnTo>
              <a:lnTo>
                <a:pt x="0" y="6287"/>
              </a:lnTo>
              <a:lnTo>
                <a:pt x="123" y="7811"/>
              </a:lnTo>
              <a:lnTo>
                <a:pt x="370" y="8192"/>
              </a:lnTo>
              <a:lnTo>
                <a:pt x="862" y="8764"/>
              </a:lnTo>
              <a:lnTo>
                <a:pt x="986" y="9335"/>
              </a:lnTo>
              <a:lnTo>
                <a:pt x="1355" y="9526"/>
              </a:lnTo>
              <a:lnTo>
                <a:pt x="1601" y="10288"/>
              </a:lnTo>
              <a:lnTo>
                <a:pt x="2341" y="10669"/>
              </a:lnTo>
              <a:lnTo>
                <a:pt x="2710" y="12002"/>
              </a:lnTo>
              <a:lnTo>
                <a:pt x="2957" y="12955"/>
              </a:lnTo>
              <a:lnTo>
                <a:pt x="3449" y="13526"/>
              </a:lnTo>
              <a:lnTo>
                <a:pt x="3819" y="14098"/>
              </a:lnTo>
              <a:lnTo>
                <a:pt x="4558" y="14098"/>
              </a:lnTo>
              <a:lnTo>
                <a:pt x="4435" y="13526"/>
              </a:lnTo>
              <a:lnTo>
                <a:pt x="4558" y="12574"/>
              </a:lnTo>
              <a:lnTo>
                <a:pt x="4928" y="12193"/>
              </a:lnTo>
              <a:lnTo>
                <a:pt x="5420" y="12383"/>
              </a:lnTo>
              <a:lnTo>
                <a:pt x="6529" y="11812"/>
              </a:lnTo>
              <a:lnTo>
                <a:pt x="7268" y="10288"/>
              </a:lnTo>
              <a:lnTo>
                <a:pt x="7884" y="10288"/>
              </a:lnTo>
              <a:lnTo>
                <a:pt x="8130" y="9907"/>
              </a:lnTo>
              <a:lnTo>
                <a:pt x="8623" y="10288"/>
              </a:lnTo>
              <a:lnTo>
                <a:pt x="9239" y="9526"/>
              </a:lnTo>
              <a:lnTo>
                <a:pt x="9978" y="10097"/>
              </a:lnTo>
              <a:lnTo>
                <a:pt x="9855" y="11240"/>
              </a:lnTo>
              <a:lnTo>
                <a:pt x="10348" y="12193"/>
              </a:lnTo>
              <a:lnTo>
                <a:pt x="10348" y="13717"/>
              </a:lnTo>
              <a:lnTo>
                <a:pt x="11087" y="13526"/>
              </a:lnTo>
              <a:lnTo>
                <a:pt x="11456" y="14098"/>
              </a:lnTo>
              <a:lnTo>
                <a:pt x="12319" y="14098"/>
              </a:lnTo>
              <a:lnTo>
                <a:pt x="13427" y="14669"/>
              </a:lnTo>
              <a:lnTo>
                <a:pt x="14043" y="15812"/>
              </a:lnTo>
              <a:lnTo>
                <a:pt x="14536" y="16384"/>
              </a:lnTo>
              <a:lnTo>
                <a:pt x="14783" y="16193"/>
              </a:lnTo>
              <a:lnTo>
                <a:pt x="15029" y="15812"/>
              </a:lnTo>
              <a:lnTo>
                <a:pt x="14906" y="14669"/>
              </a:lnTo>
              <a:lnTo>
                <a:pt x="15152" y="14288"/>
              </a:lnTo>
              <a:lnTo>
                <a:pt x="15029" y="13907"/>
              </a:lnTo>
              <a:lnTo>
                <a:pt x="15275" y="13717"/>
              </a:lnTo>
              <a:lnTo>
                <a:pt x="15152" y="13336"/>
              </a:lnTo>
              <a:lnTo>
                <a:pt x="15398" y="13145"/>
              </a:lnTo>
              <a:lnTo>
                <a:pt x="15522" y="12764"/>
              </a:lnTo>
              <a:lnTo>
                <a:pt x="15275" y="12002"/>
              </a:lnTo>
              <a:lnTo>
                <a:pt x="15152" y="11050"/>
              </a:lnTo>
              <a:lnTo>
                <a:pt x="16384" y="10478"/>
              </a:lnTo>
              <a:lnTo>
                <a:pt x="16384" y="9335"/>
              </a:lnTo>
              <a:lnTo>
                <a:pt x="15891" y="9335"/>
              </a:lnTo>
              <a:lnTo>
                <a:pt x="15891" y="8954"/>
              </a:lnTo>
              <a:lnTo>
                <a:pt x="16261" y="8383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600057</xdr:colOff>
      <xdr:row>4</xdr:row>
      <xdr:rowOff>83283</xdr:rowOff>
    </xdr:from>
    <xdr:to>
      <xdr:col>21</xdr:col>
      <xdr:colOff>598561</xdr:colOff>
      <xdr:row>8</xdr:row>
      <xdr:rowOff>130615</xdr:rowOff>
    </xdr:to>
    <xdr:sp macro="" textlink="">
      <xdr:nvSpPr>
        <xdr:cNvPr id="48" name="d14402"/>
        <xdr:cNvSpPr>
          <a:spLocks/>
        </xdr:cNvSpPr>
      </xdr:nvSpPr>
      <xdr:spPr bwMode="auto">
        <a:xfrm>
          <a:off x="14990971" y="2135240"/>
          <a:ext cx="1370104" cy="131007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0" y="11469"/>
              </a:moveTo>
              <a:lnTo>
                <a:pt x="0" y="12054"/>
              </a:lnTo>
              <a:lnTo>
                <a:pt x="101" y="12405"/>
              </a:lnTo>
              <a:lnTo>
                <a:pt x="303" y="12639"/>
              </a:lnTo>
              <a:lnTo>
                <a:pt x="303" y="13575"/>
              </a:lnTo>
              <a:lnTo>
                <a:pt x="101" y="14043"/>
              </a:lnTo>
              <a:lnTo>
                <a:pt x="202" y="14512"/>
              </a:lnTo>
              <a:lnTo>
                <a:pt x="0" y="14980"/>
              </a:lnTo>
              <a:lnTo>
                <a:pt x="202" y="14863"/>
              </a:lnTo>
              <a:lnTo>
                <a:pt x="809" y="15097"/>
              </a:lnTo>
              <a:lnTo>
                <a:pt x="1416" y="15331"/>
              </a:lnTo>
              <a:lnTo>
                <a:pt x="2023" y="16267"/>
              </a:lnTo>
              <a:lnTo>
                <a:pt x="2326" y="16384"/>
              </a:lnTo>
              <a:lnTo>
                <a:pt x="2528" y="15916"/>
              </a:lnTo>
              <a:lnTo>
                <a:pt x="3135" y="15799"/>
              </a:lnTo>
              <a:lnTo>
                <a:pt x="3944" y="15565"/>
              </a:lnTo>
              <a:lnTo>
                <a:pt x="4147" y="15565"/>
              </a:lnTo>
              <a:lnTo>
                <a:pt x="4551" y="14980"/>
              </a:lnTo>
              <a:lnTo>
                <a:pt x="4956" y="14863"/>
              </a:lnTo>
              <a:lnTo>
                <a:pt x="5158" y="14043"/>
              </a:lnTo>
              <a:lnTo>
                <a:pt x="5461" y="14277"/>
              </a:lnTo>
              <a:lnTo>
                <a:pt x="5664" y="14043"/>
              </a:lnTo>
              <a:lnTo>
                <a:pt x="6372" y="13809"/>
              </a:lnTo>
              <a:lnTo>
                <a:pt x="6473" y="13926"/>
              </a:lnTo>
              <a:lnTo>
                <a:pt x="7181" y="14160"/>
              </a:lnTo>
              <a:lnTo>
                <a:pt x="8091" y="14746"/>
              </a:lnTo>
              <a:lnTo>
                <a:pt x="7889" y="15331"/>
              </a:lnTo>
              <a:lnTo>
                <a:pt x="8394" y="15097"/>
              </a:lnTo>
              <a:lnTo>
                <a:pt x="9102" y="14746"/>
              </a:lnTo>
              <a:lnTo>
                <a:pt x="9102" y="14395"/>
              </a:lnTo>
              <a:lnTo>
                <a:pt x="9304" y="14043"/>
              </a:lnTo>
              <a:lnTo>
                <a:pt x="9608" y="14043"/>
              </a:lnTo>
              <a:lnTo>
                <a:pt x="10114" y="13575"/>
              </a:lnTo>
              <a:lnTo>
                <a:pt x="10720" y="14043"/>
              </a:lnTo>
              <a:lnTo>
                <a:pt x="11327" y="14043"/>
              </a:lnTo>
              <a:lnTo>
                <a:pt x="11732" y="13692"/>
              </a:lnTo>
              <a:lnTo>
                <a:pt x="12035" y="13926"/>
              </a:lnTo>
              <a:lnTo>
                <a:pt x="12339" y="13692"/>
              </a:lnTo>
              <a:lnTo>
                <a:pt x="12844" y="13575"/>
              </a:lnTo>
              <a:lnTo>
                <a:pt x="13350" y="13809"/>
              </a:lnTo>
              <a:lnTo>
                <a:pt x="13856" y="13575"/>
              </a:lnTo>
              <a:lnTo>
                <a:pt x="14462" y="13575"/>
              </a:lnTo>
              <a:lnTo>
                <a:pt x="14867" y="13809"/>
              </a:lnTo>
              <a:lnTo>
                <a:pt x="15474" y="13458"/>
              </a:lnTo>
              <a:lnTo>
                <a:pt x="15575" y="13692"/>
              </a:lnTo>
              <a:lnTo>
                <a:pt x="15878" y="13692"/>
              </a:lnTo>
              <a:lnTo>
                <a:pt x="16081" y="13224"/>
              </a:lnTo>
              <a:lnTo>
                <a:pt x="16081" y="12522"/>
              </a:lnTo>
              <a:lnTo>
                <a:pt x="16384" y="12171"/>
              </a:lnTo>
              <a:lnTo>
                <a:pt x="16384" y="11820"/>
              </a:lnTo>
              <a:lnTo>
                <a:pt x="16384" y="11352"/>
              </a:lnTo>
              <a:lnTo>
                <a:pt x="16283" y="10767"/>
              </a:lnTo>
              <a:lnTo>
                <a:pt x="15979" y="10533"/>
              </a:lnTo>
              <a:lnTo>
                <a:pt x="15575" y="10416"/>
              </a:lnTo>
              <a:lnTo>
                <a:pt x="15373" y="10181"/>
              </a:lnTo>
              <a:lnTo>
                <a:pt x="15272" y="9713"/>
              </a:lnTo>
              <a:lnTo>
                <a:pt x="15170" y="9128"/>
              </a:lnTo>
              <a:lnTo>
                <a:pt x="14766" y="9128"/>
              </a:lnTo>
              <a:lnTo>
                <a:pt x="14564" y="8777"/>
              </a:lnTo>
              <a:lnTo>
                <a:pt x="14462" y="8426"/>
              </a:lnTo>
              <a:lnTo>
                <a:pt x="14462" y="7724"/>
              </a:lnTo>
              <a:lnTo>
                <a:pt x="14058" y="7256"/>
              </a:lnTo>
              <a:lnTo>
                <a:pt x="13957" y="6788"/>
              </a:lnTo>
              <a:lnTo>
                <a:pt x="13754" y="6320"/>
              </a:lnTo>
              <a:lnTo>
                <a:pt x="13148" y="6320"/>
              </a:lnTo>
              <a:lnTo>
                <a:pt x="12844" y="5968"/>
              </a:lnTo>
              <a:lnTo>
                <a:pt x="12440" y="5617"/>
              </a:lnTo>
              <a:lnTo>
                <a:pt x="12237" y="5032"/>
              </a:lnTo>
              <a:lnTo>
                <a:pt x="11934" y="4213"/>
              </a:lnTo>
              <a:lnTo>
                <a:pt x="11327" y="3979"/>
              </a:lnTo>
              <a:lnTo>
                <a:pt x="11125" y="3511"/>
              </a:lnTo>
              <a:lnTo>
                <a:pt x="10822" y="3394"/>
              </a:lnTo>
              <a:lnTo>
                <a:pt x="10720" y="3043"/>
              </a:lnTo>
              <a:lnTo>
                <a:pt x="10316" y="2692"/>
              </a:lnTo>
              <a:lnTo>
                <a:pt x="10114" y="2458"/>
              </a:lnTo>
              <a:lnTo>
                <a:pt x="10012" y="1521"/>
              </a:lnTo>
              <a:lnTo>
                <a:pt x="10215" y="819"/>
              </a:lnTo>
              <a:lnTo>
                <a:pt x="10417" y="585"/>
              </a:lnTo>
              <a:lnTo>
                <a:pt x="10316" y="0"/>
              </a:lnTo>
              <a:lnTo>
                <a:pt x="9507" y="585"/>
              </a:lnTo>
              <a:lnTo>
                <a:pt x="9507" y="1170"/>
              </a:lnTo>
              <a:lnTo>
                <a:pt x="9203" y="1170"/>
              </a:lnTo>
              <a:lnTo>
                <a:pt x="9203" y="1638"/>
              </a:lnTo>
              <a:lnTo>
                <a:pt x="8597" y="1638"/>
              </a:lnTo>
              <a:lnTo>
                <a:pt x="8495" y="1872"/>
              </a:lnTo>
              <a:lnTo>
                <a:pt x="7889" y="819"/>
              </a:lnTo>
              <a:lnTo>
                <a:pt x="7787" y="702"/>
              </a:lnTo>
              <a:lnTo>
                <a:pt x="7484" y="1053"/>
              </a:lnTo>
              <a:lnTo>
                <a:pt x="6978" y="1521"/>
              </a:lnTo>
              <a:lnTo>
                <a:pt x="6978" y="1755"/>
              </a:lnTo>
              <a:lnTo>
                <a:pt x="7282" y="2107"/>
              </a:lnTo>
              <a:lnTo>
                <a:pt x="7282" y="2458"/>
              </a:lnTo>
              <a:lnTo>
                <a:pt x="6978" y="2575"/>
              </a:lnTo>
              <a:lnTo>
                <a:pt x="6574" y="3511"/>
              </a:lnTo>
              <a:lnTo>
                <a:pt x="6169" y="3862"/>
              </a:lnTo>
              <a:lnTo>
                <a:pt x="5866" y="4213"/>
              </a:lnTo>
              <a:lnTo>
                <a:pt x="5562" y="4681"/>
              </a:lnTo>
              <a:lnTo>
                <a:pt x="5360" y="4798"/>
              </a:lnTo>
              <a:lnTo>
                <a:pt x="4956" y="5149"/>
              </a:lnTo>
              <a:lnTo>
                <a:pt x="4551" y="5734"/>
              </a:lnTo>
              <a:lnTo>
                <a:pt x="4147" y="6085"/>
              </a:lnTo>
              <a:lnTo>
                <a:pt x="3641" y="6203"/>
              </a:lnTo>
              <a:lnTo>
                <a:pt x="3135" y="6671"/>
              </a:lnTo>
              <a:lnTo>
                <a:pt x="2832" y="7139"/>
              </a:lnTo>
              <a:lnTo>
                <a:pt x="2023" y="8192"/>
              </a:lnTo>
              <a:lnTo>
                <a:pt x="1214" y="9362"/>
              </a:lnTo>
              <a:lnTo>
                <a:pt x="607" y="10064"/>
              </a:lnTo>
              <a:lnTo>
                <a:pt x="303" y="10533"/>
              </a:lnTo>
              <a:lnTo>
                <a:pt x="202" y="11118"/>
              </a:lnTo>
              <a:lnTo>
                <a:pt x="0" y="11469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199207</xdr:colOff>
      <xdr:row>6</xdr:row>
      <xdr:rowOff>98451</xdr:rowOff>
    </xdr:from>
    <xdr:to>
      <xdr:col>28</xdr:col>
      <xdr:colOff>468646</xdr:colOff>
      <xdr:row>7</xdr:row>
      <xdr:rowOff>16061</xdr:rowOff>
    </xdr:to>
    <xdr:sp macro="" textlink="">
      <xdr:nvSpPr>
        <xdr:cNvPr id="49" name="d14131_1"/>
        <xdr:cNvSpPr>
          <a:spLocks/>
        </xdr:cNvSpPr>
      </xdr:nvSpPr>
      <xdr:spPr bwMode="auto">
        <a:xfrm>
          <a:off x="20214407" y="2759101"/>
          <a:ext cx="269439" cy="22876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0" y="7864"/>
              </a:moveTo>
              <a:lnTo>
                <a:pt x="4369" y="16384"/>
              </a:lnTo>
              <a:lnTo>
                <a:pt x="16384" y="8520"/>
              </a:lnTo>
              <a:lnTo>
                <a:pt x="12561" y="0"/>
              </a:lnTo>
              <a:lnTo>
                <a:pt x="0" y="786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21229</xdr:colOff>
      <xdr:row>3</xdr:row>
      <xdr:rowOff>233206</xdr:rowOff>
    </xdr:from>
    <xdr:to>
      <xdr:col>24</xdr:col>
      <xdr:colOff>594440</xdr:colOff>
      <xdr:row>3</xdr:row>
      <xdr:rowOff>416821</xdr:rowOff>
    </xdr:to>
    <xdr:sp macro="" textlink="">
      <xdr:nvSpPr>
        <xdr:cNvPr id="50" name="d14137_1"/>
        <xdr:cNvSpPr>
          <a:spLocks/>
        </xdr:cNvSpPr>
      </xdr:nvSpPr>
      <xdr:spPr bwMode="auto">
        <a:xfrm>
          <a:off x="17921829" y="1541306"/>
          <a:ext cx="173211" cy="18361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0" y="14746"/>
              </a:moveTo>
              <a:lnTo>
                <a:pt x="11469" y="16384"/>
              </a:lnTo>
              <a:lnTo>
                <a:pt x="13107" y="8192"/>
              </a:lnTo>
              <a:lnTo>
                <a:pt x="16384" y="2458"/>
              </a:lnTo>
              <a:lnTo>
                <a:pt x="13926" y="0"/>
              </a:lnTo>
              <a:lnTo>
                <a:pt x="5734" y="3277"/>
              </a:lnTo>
              <a:lnTo>
                <a:pt x="3277" y="4096"/>
              </a:lnTo>
              <a:lnTo>
                <a:pt x="3277" y="6554"/>
              </a:lnTo>
              <a:lnTo>
                <a:pt x="0" y="1474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21229</xdr:colOff>
      <xdr:row>14</xdr:row>
      <xdr:rowOff>115804</xdr:rowOff>
    </xdr:from>
    <xdr:to>
      <xdr:col>24</xdr:col>
      <xdr:colOff>565571</xdr:colOff>
      <xdr:row>14</xdr:row>
      <xdr:rowOff>193116</xdr:rowOff>
    </xdr:to>
    <xdr:sp macro="" textlink="">
      <xdr:nvSpPr>
        <xdr:cNvPr id="51" name="d14205_1"/>
        <xdr:cNvSpPr>
          <a:spLocks/>
        </xdr:cNvSpPr>
      </xdr:nvSpPr>
      <xdr:spPr bwMode="auto">
        <a:xfrm>
          <a:off x="17921829" y="5265654"/>
          <a:ext cx="144342" cy="7731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16384" y="12288"/>
              </a:moveTo>
              <a:lnTo>
                <a:pt x="12288" y="10240"/>
              </a:lnTo>
              <a:lnTo>
                <a:pt x="11264" y="4096"/>
              </a:lnTo>
              <a:lnTo>
                <a:pt x="9216" y="0"/>
              </a:lnTo>
              <a:lnTo>
                <a:pt x="0" y="12288"/>
              </a:lnTo>
              <a:lnTo>
                <a:pt x="1024" y="16384"/>
              </a:lnTo>
              <a:lnTo>
                <a:pt x="4096" y="14336"/>
              </a:lnTo>
              <a:lnTo>
                <a:pt x="8192" y="16384"/>
              </a:lnTo>
              <a:lnTo>
                <a:pt x="16384" y="1228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444937</xdr:colOff>
      <xdr:row>21</xdr:row>
      <xdr:rowOff>186555</xdr:rowOff>
    </xdr:from>
    <xdr:to>
      <xdr:col>26</xdr:col>
      <xdr:colOff>670442</xdr:colOff>
      <xdr:row>21</xdr:row>
      <xdr:rowOff>310826</xdr:rowOff>
    </xdr:to>
    <xdr:sp macro="" textlink="">
      <xdr:nvSpPr>
        <xdr:cNvPr id="52" name="d14210_1"/>
        <xdr:cNvSpPr>
          <a:spLocks/>
        </xdr:cNvSpPr>
      </xdr:nvSpPr>
      <xdr:spPr bwMode="auto">
        <a:xfrm>
          <a:off x="19202837" y="7514455"/>
          <a:ext cx="181055" cy="12427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60000 65536"/>
            <a:gd name="T35" fmla="*/ 0 60000 65536"/>
            <a:gd name="T36" fmla="*/ 0 60000 65536"/>
            <a:gd name="T37" fmla="*/ 0 60000 65536"/>
            <a:gd name="T38" fmla="*/ 0 60000 65536"/>
            <a:gd name="T39" fmla="*/ 0 60000 65536"/>
            <a:gd name="T40" fmla="*/ 0 60000 65536"/>
            <a:gd name="T41" fmla="*/ 0 60000 65536"/>
            <a:gd name="T42" fmla="*/ 0 60000 65536"/>
            <a:gd name="T43" fmla="*/ 0 60000 65536"/>
            <a:gd name="T44" fmla="*/ 0 60000 65536"/>
            <a:gd name="T45" fmla="*/ 0 60000 65536"/>
            <a:gd name="T46" fmla="*/ 0 60000 65536"/>
            <a:gd name="T47" fmla="*/ 0 60000 65536"/>
            <a:gd name="T48" fmla="*/ 0 60000 65536"/>
            <a:gd name="T49" fmla="*/ 0 60000 65536"/>
            <a:gd name="T50" fmla="*/ 0 60000 65536"/>
            <a:gd name="T51" fmla="*/ 0 w 16384"/>
            <a:gd name="T52" fmla="*/ 0 h 16384"/>
            <a:gd name="T53" fmla="*/ 16384 w 16384"/>
            <a:gd name="T54" fmla="*/ 16384 h 16384"/>
          </a:gdLst>
          <a:ahLst/>
          <a:cxnLst>
            <a:cxn ang="T34">
              <a:pos x="T0" y="T1"/>
            </a:cxn>
            <a:cxn ang="T35">
              <a:pos x="T2" y="T3"/>
            </a:cxn>
            <a:cxn ang="T36">
              <a:pos x="T4" y="T5"/>
            </a:cxn>
            <a:cxn ang="T37">
              <a:pos x="T6" y="T7"/>
            </a:cxn>
            <a:cxn ang="T38">
              <a:pos x="T8" y="T9"/>
            </a:cxn>
            <a:cxn ang="T39">
              <a:pos x="T10" y="T11"/>
            </a:cxn>
            <a:cxn ang="T40">
              <a:pos x="T12" y="T13"/>
            </a:cxn>
            <a:cxn ang="T41">
              <a:pos x="T14" y="T15"/>
            </a:cxn>
            <a:cxn ang="T42">
              <a:pos x="T16" y="T17"/>
            </a:cxn>
            <a:cxn ang="T43">
              <a:pos x="T18" y="T19"/>
            </a:cxn>
            <a:cxn ang="T44">
              <a:pos x="T20" y="T21"/>
            </a:cxn>
            <a:cxn ang="T45">
              <a:pos x="T22" y="T23"/>
            </a:cxn>
            <a:cxn ang="T46">
              <a:pos x="T24" y="T25"/>
            </a:cxn>
            <a:cxn ang="T47">
              <a:pos x="T26" y="T27"/>
            </a:cxn>
            <a:cxn ang="T48">
              <a:pos x="T28" y="T29"/>
            </a:cxn>
            <a:cxn ang="T49">
              <a:pos x="T30" y="T31"/>
            </a:cxn>
            <a:cxn ang="T50">
              <a:pos x="T32" y="T33"/>
            </a:cxn>
          </a:cxnLst>
          <a:rect l="T51" t="T52" r="T53" b="T54"/>
          <a:pathLst>
            <a:path w="16384" h="16384">
              <a:moveTo>
                <a:pt x="13957" y="5851"/>
              </a:moveTo>
              <a:lnTo>
                <a:pt x="9102" y="2341"/>
              </a:lnTo>
              <a:lnTo>
                <a:pt x="5461" y="2341"/>
              </a:lnTo>
              <a:lnTo>
                <a:pt x="3641" y="2341"/>
              </a:lnTo>
              <a:lnTo>
                <a:pt x="1214" y="0"/>
              </a:lnTo>
              <a:lnTo>
                <a:pt x="1214" y="3511"/>
              </a:lnTo>
              <a:lnTo>
                <a:pt x="0" y="4681"/>
              </a:lnTo>
              <a:lnTo>
                <a:pt x="607" y="8192"/>
              </a:lnTo>
              <a:lnTo>
                <a:pt x="2427" y="9362"/>
              </a:lnTo>
              <a:lnTo>
                <a:pt x="4855" y="9362"/>
              </a:lnTo>
              <a:lnTo>
                <a:pt x="6675" y="11703"/>
              </a:lnTo>
              <a:lnTo>
                <a:pt x="9102" y="9362"/>
              </a:lnTo>
              <a:lnTo>
                <a:pt x="12743" y="15214"/>
              </a:lnTo>
              <a:lnTo>
                <a:pt x="15170" y="16384"/>
              </a:lnTo>
              <a:lnTo>
                <a:pt x="16384" y="14043"/>
              </a:lnTo>
              <a:lnTo>
                <a:pt x="13350" y="9362"/>
              </a:lnTo>
              <a:lnTo>
                <a:pt x="13957" y="585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64487</xdr:colOff>
      <xdr:row>6</xdr:row>
      <xdr:rowOff>204754</xdr:rowOff>
    </xdr:from>
    <xdr:to>
      <xdr:col>28</xdr:col>
      <xdr:colOff>266566</xdr:colOff>
      <xdr:row>7</xdr:row>
      <xdr:rowOff>103036</xdr:rowOff>
    </xdr:to>
    <xdr:sp macro="" textlink="">
      <xdr:nvSpPr>
        <xdr:cNvPr id="53" name="d14101_2"/>
        <xdr:cNvSpPr>
          <a:spLocks/>
        </xdr:cNvSpPr>
      </xdr:nvSpPr>
      <xdr:spPr bwMode="auto">
        <a:xfrm>
          <a:off x="20079687" y="2865404"/>
          <a:ext cx="202079" cy="2094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10923" y="0"/>
              </a:moveTo>
              <a:lnTo>
                <a:pt x="0" y="6703"/>
              </a:lnTo>
              <a:lnTo>
                <a:pt x="4779" y="16384"/>
              </a:lnTo>
              <a:lnTo>
                <a:pt x="16384" y="9681"/>
              </a:lnTo>
              <a:lnTo>
                <a:pt x="10923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449400</xdr:colOff>
      <xdr:row>5</xdr:row>
      <xdr:rowOff>266456</xdr:rowOff>
    </xdr:from>
    <xdr:to>
      <xdr:col>29</xdr:col>
      <xdr:colOff>52285</xdr:colOff>
      <xdr:row>6</xdr:row>
      <xdr:rowOff>175763</xdr:rowOff>
    </xdr:to>
    <xdr:sp macro="" textlink="">
      <xdr:nvSpPr>
        <xdr:cNvPr id="54" name="d14131_2"/>
        <xdr:cNvSpPr>
          <a:spLocks/>
        </xdr:cNvSpPr>
      </xdr:nvSpPr>
      <xdr:spPr bwMode="auto">
        <a:xfrm>
          <a:off x="20464600" y="2615956"/>
          <a:ext cx="231535" cy="22045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60000 65536"/>
            <a:gd name="T13" fmla="*/ 0 60000 65536"/>
            <a:gd name="T14" fmla="*/ 0 60000 65536"/>
            <a:gd name="T15" fmla="*/ 0 60000 65536"/>
            <a:gd name="T16" fmla="*/ 0 60000 65536"/>
            <a:gd name="T17" fmla="*/ 0 60000 65536"/>
            <a:gd name="T18" fmla="*/ 0 w 16384"/>
            <a:gd name="T19" fmla="*/ 0 h 16384"/>
            <a:gd name="T20" fmla="*/ 16384 w 16384"/>
            <a:gd name="T21" fmla="*/ 16384 h 16384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16384" h="16384">
              <a:moveTo>
                <a:pt x="0" y="9973"/>
              </a:moveTo>
              <a:lnTo>
                <a:pt x="2409" y="16384"/>
              </a:lnTo>
              <a:lnTo>
                <a:pt x="16384" y="4274"/>
              </a:lnTo>
              <a:lnTo>
                <a:pt x="15902" y="0"/>
              </a:lnTo>
              <a:lnTo>
                <a:pt x="13011" y="0"/>
              </a:lnTo>
              <a:lnTo>
                <a:pt x="0" y="997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322420</xdr:colOff>
      <xdr:row>2</xdr:row>
      <xdr:rowOff>338474</xdr:rowOff>
    </xdr:from>
    <xdr:to>
      <xdr:col>26</xdr:col>
      <xdr:colOff>137007</xdr:colOff>
      <xdr:row>2</xdr:row>
      <xdr:rowOff>531753</xdr:rowOff>
    </xdr:to>
    <xdr:sp macro="" textlink="">
      <xdr:nvSpPr>
        <xdr:cNvPr id="55" name="Text Box 70"/>
        <xdr:cNvSpPr txBox="1">
          <a:spLocks noChangeArrowheads="1"/>
        </xdr:cNvSpPr>
      </xdr:nvSpPr>
      <xdr:spPr bwMode="auto">
        <a:xfrm>
          <a:off x="18451670" y="916324"/>
          <a:ext cx="443237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多摩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17457</xdr:colOff>
      <xdr:row>2</xdr:row>
      <xdr:rowOff>697401</xdr:rowOff>
    </xdr:from>
    <xdr:to>
      <xdr:col>25</xdr:col>
      <xdr:colOff>370535</xdr:colOff>
      <xdr:row>3</xdr:row>
      <xdr:rowOff>136566</xdr:rowOff>
    </xdr:to>
    <xdr:sp macro="" textlink="">
      <xdr:nvSpPr>
        <xdr:cNvPr id="56" name="Text Box 71"/>
        <xdr:cNvSpPr txBox="1">
          <a:spLocks noChangeArrowheads="1"/>
        </xdr:cNvSpPr>
      </xdr:nvSpPr>
      <xdr:spPr bwMode="auto">
        <a:xfrm>
          <a:off x="18018057" y="1275251"/>
          <a:ext cx="481728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麻生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605662</xdr:colOff>
      <xdr:row>3</xdr:row>
      <xdr:rowOff>107574</xdr:rowOff>
    </xdr:from>
    <xdr:to>
      <xdr:col>26</xdr:col>
      <xdr:colOff>464183</xdr:colOff>
      <xdr:row>3</xdr:row>
      <xdr:rowOff>271861</xdr:rowOff>
    </xdr:to>
    <xdr:sp macro="" textlink="">
      <xdr:nvSpPr>
        <xdr:cNvPr id="57" name="Text Box 72"/>
        <xdr:cNvSpPr txBox="1">
          <a:spLocks noChangeArrowheads="1"/>
        </xdr:cNvSpPr>
      </xdr:nvSpPr>
      <xdr:spPr bwMode="auto">
        <a:xfrm>
          <a:off x="18734912" y="1415674"/>
          <a:ext cx="487171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宮前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8576</xdr:colOff>
      <xdr:row>3</xdr:row>
      <xdr:rowOff>136566</xdr:rowOff>
    </xdr:from>
    <xdr:to>
      <xdr:col>27</xdr:col>
      <xdr:colOff>567454</xdr:colOff>
      <xdr:row>3</xdr:row>
      <xdr:rowOff>600435</xdr:rowOff>
    </xdr:to>
    <xdr:sp macro="" textlink="">
      <xdr:nvSpPr>
        <xdr:cNvPr id="58" name="Text Box 74"/>
        <xdr:cNvSpPr txBox="1">
          <a:spLocks noChangeArrowheads="1"/>
        </xdr:cNvSpPr>
      </xdr:nvSpPr>
      <xdr:spPr bwMode="auto">
        <a:xfrm>
          <a:off x="19415126" y="1444666"/>
          <a:ext cx="538878" cy="46386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原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88392</xdr:colOff>
      <xdr:row>3</xdr:row>
      <xdr:rowOff>679108</xdr:rowOff>
    </xdr:from>
    <xdr:to>
      <xdr:col>28</xdr:col>
      <xdr:colOff>141470</xdr:colOff>
      <xdr:row>4</xdr:row>
      <xdr:rowOff>118273</xdr:rowOff>
    </xdr:to>
    <xdr:sp macro="" textlink="">
      <xdr:nvSpPr>
        <xdr:cNvPr id="59" name="Text Box 75"/>
        <xdr:cNvSpPr txBox="1">
          <a:spLocks noChangeArrowheads="1"/>
        </xdr:cNvSpPr>
      </xdr:nvSpPr>
      <xdr:spPr bwMode="auto">
        <a:xfrm>
          <a:off x="19674942" y="1987208"/>
          <a:ext cx="481728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幸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8</xdr:col>
      <xdr:colOff>54865</xdr:colOff>
      <xdr:row>4</xdr:row>
      <xdr:rowOff>195584</xdr:rowOff>
    </xdr:from>
    <xdr:to>
      <xdr:col>28</xdr:col>
      <xdr:colOff>584120</xdr:colOff>
      <xdr:row>5</xdr:row>
      <xdr:rowOff>55210</xdr:rowOff>
    </xdr:to>
    <xdr:sp macro="" textlink="">
      <xdr:nvSpPr>
        <xdr:cNvPr id="60" name="Text Box 76"/>
        <xdr:cNvSpPr txBox="1">
          <a:spLocks noChangeArrowheads="1"/>
        </xdr:cNvSpPr>
      </xdr:nvSpPr>
      <xdr:spPr bwMode="auto">
        <a:xfrm>
          <a:off x="20070065" y="2233934"/>
          <a:ext cx="529255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川崎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4490</xdr:colOff>
      <xdr:row>3</xdr:row>
      <xdr:rowOff>532788</xdr:rowOff>
    </xdr:from>
    <xdr:to>
      <xdr:col>25</xdr:col>
      <xdr:colOff>553368</xdr:colOff>
      <xdr:row>3</xdr:row>
      <xdr:rowOff>708100</xdr:rowOff>
    </xdr:to>
    <xdr:sp macro="" textlink="">
      <xdr:nvSpPr>
        <xdr:cNvPr id="61" name="Text Box 77"/>
        <xdr:cNvSpPr txBox="1">
          <a:spLocks noChangeArrowheads="1"/>
        </xdr:cNvSpPr>
      </xdr:nvSpPr>
      <xdr:spPr bwMode="auto">
        <a:xfrm>
          <a:off x="18143740" y="1840888"/>
          <a:ext cx="538878" cy="1753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青葉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19841</xdr:colOff>
      <xdr:row>2</xdr:row>
      <xdr:rowOff>678073</xdr:rowOff>
    </xdr:from>
    <xdr:to>
      <xdr:col>27</xdr:col>
      <xdr:colOff>163296</xdr:colOff>
      <xdr:row>3</xdr:row>
      <xdr:rowOff>117238</xdr:rowOff>
    </xdr:to>
    <xdr:sp macro="" textlink="">
      <xdr:nvSpPr>
        <xdr:cNvPr id="62" name="Text Box 78"/>
        <xdr:cNvSpPr txBox="1">
          <a:spLocks noChangeArrowheads="1"/>
        </xdr:cNvSpPr>
      </xdr:nvSpPr>
      <xdr:spPr bwMode="auto">
        <a:xfrm>
          <a:off x="19077741" y="1255923"/>
          <a:ext cx="472105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高津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596039</xdr:colOff>
      <xdr:row>4</xdr:row>
      <xdr:rowOff>11969</xdr:rowOff>
    </xdr:from>
    <xdr:to>
      <xdr:col>26</xdr:col>
      <xdr:colOff>454560</xdr:colOff>
      <xdr:row>4</xdr:row>
      <xdr:rowOff>205248</xdr:rowOff>
    </xdr:to>
    <xdr:sp macro="" textlink="">
      <xdr:nvSpPr>
        <xdr:cNvPr id="63" name="Text Box 79"/>
        <xdr:cNvSpPr txBox="1">
          <a:spLocks noChangeArrowheads="1"/>
        </xdr:cNvSpPr>
      </xdr:nvSpPr>
      <xdr:spPr bwMode="auto">
        <a:xfrm>
          <a:off x="18725289" y="2050319"/>
          <a:ext cx="487171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都筑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44937</xdr:colOff>
      <xdr:row>4</xdr:row>
      <xdr:rowOff>69953</xdr:rowOff>
    </xdr:from>
    <xdr:to>
      <xdr:col>27</xdr:col>
      <xdr:colOff>259524</xdr:colOff>
      <xdr:row>4</xdr:row>
      <xdr:rowOff>252207</xdr:rowOff>
    </xdr:to>
    <xdr:sp macro="" textlink="">
      <xdr:nvSpPr>
        <xdr:cNvPr id="64" name="Text Box 80"/>
        <xdr:cNvSpPr txBox="1">
          <a:spLocks noChangeArrowheads="1"/>
        </xdr:cNvSpPr>
      </xdr:nvSpPr>
      <xdr:spPr bwMode="auto">
        <a:xfrm>
          <a:off x="19202837" y="2108303"/>
          <a:ext cx="443237" cy="18225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港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63296</xdr:colOff>
      <xdr:row>5</xdr:row>
      <xdr:rowOff>35882</xdr:rowOff>
    </xdr:from>
    <xdr:to>
      <xdr:col>27</xdr:col>
      <xdr:colOff>677486</xdr:colOff>
      <xdr:row>5</xdr:row>
      <xdr:rowOff>209833</xdr:rowOff>
    </xdr:to>
    <xdr:sp macro="" textlink="">
      <xdr:nvSpPr>
        <xdr:cNvPr id="65" name="Text Box 81"/>
        <xdr:cNvSpPr txBox="1">
          <a:spLocks noChangeArrowheads="1"/>
        </xdr:cNvSpPr>
      </xdr:nvSpPr>
      <xdr:spPr bwMode="auto">
        <a:xfrm>
          <a:off x="19549846" y="2385382"/>
          <a:ext cx="463390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鶴見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96823</xdr:colOff>
      <xdr:row>6</xdr:row>
      <xdr:rowOff>156435</xdr:rowOff>
    </xdr:from>
    <xdr:to>
      <xdr:col>27</xdr:col>
      <xdr:colOff>317261</xdr:colOff>
      <xdr:row>7</xdr:row>
      <xdr:rowOff>16061</xdr:rowOff>
    </xdr:to>
    <xdr:sp macro="" textlink="">
      <xdr:nvSpPr>
        <xdr:cNvPr id="66" name="Text Box 82"/>
        <xdr:cNvSpPr txBox="1">
          <a:spLocks noChangeArrowheads="1"/>
        </xdr:cNvSpPr>
      </xdr:nvSpPr>
      <xdr:spPr bwMode="auto">
        <a:xfrm>
          <a:off x="19154723" y="2817085"/>
          <a:ext cx="549088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神奈川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675602</xdr:colOff>
      <xdr:row>5</xdr:row>
      <xdr:rowOff>45546</xdr:rowOff>
    </xdr:from>
    <xdr:to>
      <xdr:col>25</xdr:col>
      <xdr:colOff>534123</xdr:colOff>
      <xdr:row>5</xdr:row>
      <xdr:rowOff>209833</xdr:rowOff>
    </xdr:to>
    <xdr:sp macro="" textlink="">
      <xdr:nvSpPr>
        <xdr:cNvPr id="67" name="Text Box 83"/>
        <xdr:cNvSpPr txBox="1">
          <a:spLocks noChangeArrowheads="1"/>
        </xdr:cNvSpPr>
      </xdr:nvSpPr>
      <xdr:spPr bwMode="auto">
        <a:xfrm>
          <a:off x="18131752" y="2395046"/>
          <a:ext cx="531621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緑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87701</xdr:colOff>
      <xdr:row>6</xdr:row>
      <xdr:rowOff>166099</xdr:rowOff>
    </xdr:from>
    <xdr:to>
      <xdr:col>26</xdr:col>
      <xdr:colOff>2288</xdr:colOff>
      <xdr:row>7</xdr:row>
      <xdr:rowOff>16061</xdr:rowOff>
    </xdr:to>
    <xdr:sp macro="" textlink="">
      <xdr:nvSpPr>
        <xdr:cNvPr id="68" name="Text Box 84"/>
        <xdr:cNvSpPr txBox="1">
          <a:spLocks noChangeArrowheads="1"/>
        </xdr:cNvSpPr>
      </xdr:nvSpPr>
      <xdr:spPr bwMode="auto">
        <a:xfrm>
          <a:off x="18316951" y="2826749"/>
          <a:ext cx="443237" cy="1611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旭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15181</xdr:colOff>
      <xdr:row>8</xdr:row>
      <xdr:rowOff>107621</xdr:rowOff>
    </xdr:from>
    <xdr:to>
      <xdr:col>28</xdr:col>
      <xdr:colOff>2840</xdr:colOff>
      <xdr:row>9</xdr:row>
      <xdr:rowOff>255804</xdr:rowOff>
    </xdr:to>
    <xdr:sp macro="" textlink="">
      <xdr:nvSpPr>
        <xdr:cNvPr id="69" name="Text Box 85"/>
        <xdr:cNvSpPr txBox="1">
          <a:spLocks noChangeArrowheads="1"/>
        </xdr:cNvSpPr>
      </xdr:nvSpPr>
      <xdr:spPr bwMode="auto">
        <a:xfrm>
          <a:off x="19501731" y="3390571"/>
          <a:ext cx="516309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11056</xdr:colOff>
      <xdr:row>7</xdr:row>
      <xdr:rowOff>161382</xdr:rowOff>
    </xdr:from>
    <xdr:to>
      <xdr:col>27</xdr:col>
      <xdr:colOff>95250</xdr:colOff>
      <xdr:row>8</xdr:row>
      <xdr:rowOff>30672</xdr:rowOff>
    </xdr:to>
    <xdr:sp macro="" textlink="">
      <xdr:nvSpPr>
        <xdr:cNvPr id="70" name="Text Box 86"/>
        <xdr:cNvSpPr txBox="1">
          <a:spLocks noChangeArrowheads="1"/>
        </xdr:cNvSpPr>
      </xdr:nvSpPr>
      <xdr:spPr bwMode="auto">
        <a:xfrm>
          <a:off x="19626490" y="3154237"/>
          <a:ext cx="370997" cy="1851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西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29463</xdr:colOff>
      <xdr:row>12</xdr:row>
      <xdr:rowOff>96970</xdr:rowOff>
    </xdr:from>
    <xdr:to>
      <xdr:col>27</xdr:col>
      <xdr:colOff>182541</xdr:colOff>
      <xdr:row>12</xdr:row>
      <xdr:rowOff>269560</xdr:rowOff>
    </xdr:to>
    <xdr:sp macro="" textlink="">
      <xdr:nvSpPr>
        <xdr:cNvPr id="71" name="Text Box 87"/>
        <xdr:cNvSpPr txBox="1">
          <a:spLocks noChangeArrowheads="1"/>
        </xdr:cNvSpPr>
      </xdr:nvSpPr>
      <xdr:spPr bwMode="auto">
        <a:xfrm>
          <a:off x="19087363" y="4624520"/>
          <a:ext cx="481728" cy="172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金沢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543745</xdr:colOff>
      <xdr:row>11</xdr:row>
      <xdr:rowOff>121376</xdr:rowOff>
    </xdr:from>
    <xdr:to>
      <xdr:col>26</xdr:col>
      <xdr:colOff>377577</xdr:colOff>
      <xdr:row>12</xdr:row>
      <xdr:rowOff>269559</xdr:rowOff>
    </xdr:to>
    <xdr:sp macro="" textlink="">
      <xdr:nvSpPr>
        <xdr:cNvPr id="72" name="Text Box 88"/>
        <xdr:cNvSpPr txBox="1">
          <a:spLocks noChangeArrowheads="1"/>
        </xdr:cNvSpPr>
      </xdr:nvSpPr>
      <xdr:spPr bwMode="auto">
        <a:xfrm>
          <a:off x="18672995" y="4337776"/>
          <a:ext cx="462482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栄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615285</xdr:colOff>
      <xdr:row>10</xdr:row>
      <xdr:rowOff>49144</xdr:rowOff>
    </xdr:from>
    <xdr:to>
      <xdr:col>26</xdr:col>
      <xdr:colOff>483429</xdr:colOff>
      <xdr:row>10</xdr:row>
      <xdr:rowOff>231399</xdr:rowOff>
    </xdr:to>
    <xdr:sp macro="" textlink="">
      <xdr:nvSpPr>
        <xdr:cNvPr id="73" name="Text Box 89"/>
        <xdr:cNvSpPr txBox="1">
          <a:spLocks noChangeArrowheads="1"/>
        </xdr:cNvSpPr>
      </xdr:nvSpPr>
      <xdr:spPr bwMode="auto">
        <a:xfrm>
          <a:off x="18744535" y="3954394"/>
          <a:ext cx="496794" cy="18225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港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46325</xdr:colOff>
      <xdr:row>9</xdr:row>
      <xdr:rowOff>34895</xdr:rowOff>
    </xdr:from>
    <xdr:to>
      <xdr:col>25</xdr:col>
      <xdr:colOff>399403</xdr:colOff>
      <xdr:row>9</xdr:row>
      <xdr:rowOff>208846</xdr:rowOff>
    </xdr:to>
    <xdr:sp macro="" textlink="">
      <xdr:nvSpPr>
        <xdr:cNvPr id="74" name="Text Box 91"/>
        <xdr:cNvSpPr txBox="1">
          <a:spLocks noChangeArrowheads="1"/>
        </xdr:cNvSpPr>
      </xdr:nvSpPr>
      <xdr:spPr bwMode="auto">
        <a:xfrm>
          <a:off x="18046925" y="3628995"/>
          <a:ext cx="481728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泉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65875</xdr:colOff>
      <xdr:row>8</xdr:row>
      <xdr:rowOff>165605</xdr:rowOff>
    </xdr:from>
    <xdr:to>
      <xdr:col>27</xdr:col>
      <xdr:colOff>9330</xdr:colOff>
      <xdr:row>10</xdr:row>
      <xdr:rowOff>824</xdr:rowOff>
    </xdr:to>
    <xdr:sp macro="" textlink="">
      <xdr:nvSpPr>
        <xdr:cNvPr id="75" name="Text Box 92"/>
        <xdr:cNvSpPr txBox="1">
          <a:spLocks noChangeArrowheads="1"/>
        </xdr:cNvSpPr>
      </xdr:nvSpPr>
      <xdr:spPr bwMode="auto">
        <a:xfrm>
          <a:off x="18923775" y="3448555"/>
          <a:ext cx="472105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430851</xdr:colOff>
      <xdr:row>6</xdr:row>
      <xdr:rowOff>204754</xdr:rowOff>
    </xdr:from>
    <xdr:to>
      <xdr:col>25</xdr:col>
      <xdr:colOff>33736</xdr:colOff>
      <xdr:row>8</xdr:row>
      <xdr:rowOff>39973</xdr:rowOff>
    </xdr:to>
    <xdr:sp macro="" textlink="">
      <xdr:nvSpPr>
        <xdr:cNvPr id="76" name="Text Box 93"/>
        <xdr:cNvSpPr txBox="1">
          <a:spLocks noChangeArrowheads="1"/>
        </xdr:cNvSpPr>
      </xdr:nvSpPr>
      <xdr:spPr bwMode="auto">
        <a:xfrm>
          <a:off x="17931451" y="2865404"/>
          <a:ext cx="231535" cy="457519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9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瀬谷区</a:t>
          </a:r>
          <a:endParaRPr kumimoji="0" lang="ja-JP" altLang="en-US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288</xdr:colOff>
      <xdr:row>7</xdr:row>
      <xdr:rowOff>94128</xdr:rowOff>
    </xdr:from>
    <xdr:to>
      <xdr:col>26</xdr:col>
      <xdr:colOff>204367</xdr:colOff>
      <xdr:row>8</xdr:row>
      <xdr:rowOff>305800</xdr:rowOff>
    </xdr:to>
    <xdr:sp macro="" textlink="">
      <xdr:nvSpPr>
        <xdr:cNvPr id="77" name="Text Box 95"/>
        <xdr:cNvSpPr txBox="1">
          <a:spLocks noChangeArrowheads="1"/>
        </xdr:cNvSpPr>
      </xdr:nvSpPr>
      <xdr:spPr bwMode="auto">
        <a:xfrm>
          <a:off x="19217722" y="3086983"/>
          <a:ext cx="202079" cy="527501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保土ケ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44937</xdr:colOff>
      <xdr:row>9</xdr:row>
      <xdr:rowOff>284796</xdr:rowOff>
    </xdr:from>
    <xdr:to>
      <xdr:col>26</xdr:col>
      <xdr:colOff>603082</xdr:colOff>
      <xdr:row>11</xdr:row>
      <xdr:rowOff>284302</xdr:rowOff>
    </xdr:to>
    <xdr:sp macro="" textlink="">
      <xdr:nvSpPr>
        <xdr:cNvPr id="78" name="Text Box 97"/>
        <xdr:cNvSpPr txBox="1">
          <a:spLocks noChangeArrowheads="1"/>
        </xdr:cNvSpPr>
      </xdr:nvSpPr>
      <xdr:spPr bwMode="auto">
        <a:xfrm>
          <a:off x="19202837" y="3878896"/>
          <a:ext cx="158145" cy="621806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磯子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42960</xdr:colOff>
      <xdr:row>7</xdr:row>
      <xdr:rowOff>114169</xdr:rowOff>
    </xdr:from>
    <xdr:to>
      <xdr:col>26</xdr:col>
      <xdr:colOff>325794</xdr:colOff>
      <xdr:row>9</xdr:row>
      <xdr:rowOff>247609</xdr:rowOff>
    </xdr:to>
    <xdr:sp macro="" textlink="">
      <xdr:nvSpPr>
        <xdr:cNvPr id="79" name="Text Box 98"/>
        <xdr:cNvSpPr txBox="1">
          <a:spLocks noChangeArrowheads="1"/>
        </xdr:cNvSpPr>
      </xdr:nvSpPr>
      <xdr:spPr bwMode="auto">
        <a:xfrm>
          <a:off x="18900860" y="3085969"/>
          <a:ext cx="182834" cy="75574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谷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72227</xdr:colOff>
      <xdr:row>3</xdr:row>
      <xdr:rowOff>155894</xdr:rowOff>
    </xdr:from>
    <xdr:to>
      <xdr:col>25</xdr:col>
      <xdr:colOff>283929</xdr:colOff>
      <xdr:row>3</xdr:row>
      <xdr:rowOff>339509</xdr:rowOff>
    </xdr:to>
    <xdr:sp macro="" textlink="">
      <xdr:nvSpPr>
        <xdr:cNvPr id="80" name="Text Box 99"/>
        <xdr:cNvSpPr txBox="1">
          <a:spLocks noChangeArrowheads="1"/>
        </xdr:cNvSpPr>
      </xdr:nvSpPr>
      <xdr:spPr bwMode="auto">
        <a:xfrm>
          <a:off x="18201477" y="1463994"/>
          <a:ext cx="211702" cy="1836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447517</xdr:colOff>
      <xdr:row>2</xdr:row>
      <xdr:rowOff>560745</xdr:rowOff>
    </xdr:from>
    <xdr:to>
      <xdr:col>26</xdr:col>
      <xdr:colOff>60024</xdr:colOff>
      <xdr:row>3</xdr:row>
      <xdr:rowOff>1271</xdr:rowOff>
    </xdr:to>
    <xdr:sp macro="" textlink="">
      <xdr:nvSpPr>
        <xdr:cNvPr id="81" name="Text Box 100"/>
        <xdr:cNvSpPr txBox="1">
          <a:spLocks noChangeArrowheads="1"/>
        </xdr:cNvSpPr>
      </xdr:nvSpPr>
      <xdr:spPr bwMode="auto">
        <a:xfrm>
          <a:off x="18576767" y="1138595"/>
          <a:ext cx="241157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04367</xdr:colOff>
      <xdr:row>3</xdr:row>
      <xdr:rowOff>271861</xdr:rowOff>
    </xdr:from>
    <xdr:to>
      <xdr:col>26</xdr:col>
      <xdr:colOff>493052</xdr:colOff>
      <xdr:row>4</xdr:row>
      <xdr:rowOff>2305</xdr:rowOff>
    </xdr:to>
    <xdr:sp macro="" textlink="">
      <xdr:nvSpPr>
        <xdr:cNvPr id="82" name="Text Box 101"/>
        <xdr:cNvSpPr txBox="1">
          <a:spLocks noChangeArrowheads="1"/>
        </xdr:cNvSpPr>
      </xdr:nvSpPr>
      <xdr:spPr bwMode="auto">
        <a:xfrm>
          <a:off x="18962267" y="1579961"/>
          <a:ext cx="288685" cy="46069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21920</xdr:colOff>
      <xdr:row>3</xdr:row>
      <xdr:rowOff>271861</xdr:rowOff>
    </xdr:from>
    <xdr:to>
      <xdr:col>27</xdr:col>
      <xdr:colOff>95936</xdr:colOff>
      <xdr:row>4</xdr:row>
      <xdr:rowOff>2305</xdr:rowOff>
    </xdr:to>
    <xdr:sp macro="" textlink="">
      <xdr:nvSpPr>
        <xdr:cNvPr id="83" name="Text Box 102"/>
        <xdr:cNvSpPr txBox="1">
          <a:spLocks noChangeArrowheads="1"/>
        </xdr:cNvSpPr>
      </xdr:nvSpPr>
      <xdr:spPr bwMode="auto">
        <a:xfrm>
          <a:off x="19279820" y="1579961"/>
          <a:ext cx="202666" cy="46069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72918</xdr:colOff>
      <xdr:row>3</xdr:row>
      <xdr:rowOff>397493</xdr:rowOff>
    </xdr:from>
    <xdr:to>
      <xdr:col>27</xdr:col>
      <xdr:colOff>471225</xdr:colOff>
      <xdr:row>3</xdr:row>
      <xdr:rowOff>610100</xdr:rowOff>
    </xdr:to>
    <xdr:sp macro="" textlink="">
      <xdr:nvSpPr>
        <xdr:cNvPr id="84" name="Text Box 103"/>
        <xdr:cNvSpPr txBox="1">
          <a:spLocks noChangeArrowheads="1"/>
        </xdr:cNvSpPr>
      </xdr:nvSpPr>
      <xdr:spPr bwMode="auto">
        <a:xfrm>
          <a:off x="19559468" y="1705593"/>
          <a:ext cx="298307" cy="21260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567454</xdr:colOff>
      <xdr:row>3</xdr:row>
      <xdr:rowOff>679108</xdr:rowOff>
    </xdr:from>
    <xdr:to>
      <xdr:col>28</xdr:col>
      <xdr:colOff>170339</xdr:colOff>
      <xdr:row>4</xdr:row>
      <xdr:rowOff>98945</xdr:rowOff>
    </xdr:to>
    <xdr:sp macro="" textlink="">
      <xdr:nvSpPr>
        <xdr:cNvPr id="85" name="Text Box 104"/>
        <xdr:cNvSpPr txBox="1">
          <a:spLocks noChangeArrowheads="1"/>
        </xdr:cNvSpPr>
      </xdr:nvSpPr>
      <xdr:spPr bwMode="auto">
        <a:xfrm>
          <a:off x="19954004" y="1987208"/>
          <a:ext cx="231535" cy="1500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8</xdr:col>
      <xdr:colOff>199207</xdr:colOff>
      <xdr:row>5</xdr:row>
      <xdr:rowOff>55210</xdr:rowOff>
    </xdr:from>
    <xdr:to>
      <xdr:col>28</xdr:col>
      <xdr:colOff>439777</xdr:colOff>
      <xdr:row>5</xdr:row>
      <xdr:rowOff>247128</xdr:rowOff>
    </xdr:to>
    <xdr:sp macro="" textlink="">
      <xdr:nvSpPr>
        <xdr:cNvPr id="86" name="Text Box 105"/>
        <xdr:cNvSpPr txBox="1">
          <a:spLocks noChangeArrowheads="1"/>
        </xdr:cNvSpPr>
      </xdr:nvSpPr>
      <xdr:spPr bwMode="auto">
        <a:xfrm>
          <a:off x="20214407" y="2404710"/>
          <a:ext cx="240570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ts val="11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58833</xdr:colOff>
      <xdr:row>3</xdr:row>
      <xdr:rowOff>694646</xdr:rowOff>
    </xdr:from>
    <xdr:to>
      <xdr:col>25</xdr:col>
      <xdr:colOff>409026</xdr:colOff>
      <xdr:row>4</xdr:row>
      <xdr:rowOff>124147</xdr:rowOff>
    </xdr:to>
    <xdr:sp macro="" textlink="">
      <xdr:nvSpPr>
        <xdr:cNvPr id="87" name="Text Box 106"/>
        <xdr:cNvSpPr txBox="1">
          <a:spLocks noChangeArrowheads="1"/>
        </xdr:cNvSpPr>
      </xdr:nvSpPr>
      <xdr:spPr bwMode="auto">
        <a:xfrm>
          <a:off x="18288083" y="2002746"/>
          <a:ext cx="250193" cy="1597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0779</xdr:colOff>
      <xdr:row>4</xdr:row>
      <xdr:rowOff>242543</xdr:rowOff>
    </xdr:from>
    <xdr:to>
      <xdr:col>26</xdr:col>
      <xdr:colOff>271727</xdr:colOff>
      <xdr:row>5</xdr:row>
      <xdr:rowOff>93866</xdr:rowOff>
    </xdr:to>
    <xdr:sp macro="" textlink="">
      <xdr:nvSpPr>
        <xdr:cNvPr id="88" name="Text Box 107"/>
        <xdr:cNvSpPr txBox="1">
          <a:spLocks noChangeArrowheads="1"/>
        </xdr:cNvSpPr>
      </xdr:nvSpPr>
      <xdr:spPr bwMode="auto">
        <a:xfrm>
          <a:off x="18798679" y="2280893"/>
          <a:ext cx="230948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70034</xdr:colOff>
      <xdr:row>5</xdr:row>
      <xdr:rowOff>35882</xdr:rowOff>
    </xdr:from>
    <xdr:to>
      <xdr:col>27</xdr:col>
      <xdr:colOff>144050</xdr:colOff>
      <xdr:row>5</xdr:row>
      <xdr:rowOff>190505</xdr:rowOff>
    </xdr:to>
    <xdr:sp macro="" textlink="">
      <xdr:nvSpPr>
        <xdr:cNvPr id="89" name="Text Box 108"/>
        <xdr:cNvSpPr txBox="1">
          <a:spLocks noChangeArrowheads="1"/>
        </xdr:cNvSpPr>
      </xdr:nvSpPr>
      <xdr:spPr bwMode="auto">
        <a:xfrm>
          <a:off x="19327934" y="2385382"/>
          <a:ext cx="202666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326883</xdr:colOff>
      <xdr:row>5</xdr:row>
      <xdr:rowOff>209833</xdr:rowOff>
    </xdr:from>
    <xdr:to>
      <xdr:col>27</xdr:col>
      <xdr:colOff>596322</xdr:colOff>
      <xdr:row>7</xdr:row>
      <xdr:rowOff>45052</xdr:rowOff>
    </xdr:to>
    <xdr:sp macro="" textlink="">
      <xdr:nvSpPr>
        <xdr:cNvPr id="90" name="Text Box 109"/>
        <xdr:cNvSpPr txBox="1">
          <a:spLocks noChangeArrowheads="1"/>
        </xdr:cNvSpPr>
      </xdr:nvSpPr>
      <xdr:spPr bwMode="auto">
        <a:xfrm>
          <a:off x="19713433" y="2559333"/>
          <a:ext cx="269439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89279</xdr:colOff>
      <xdr:row>6</xdr:row>
      <xdr:rowOff>290369</xdr:rowOff>
    </xdr:from>
    <xdr:to>
      <xdr:col>27</xdr:col>
      <xdr:colOff>182541</xdr:colOff>
      <xdr:row>7</xdr:row>
      <xdr:rowOff>256299</xdr:rowOff>
    </xdr:to>
    <xdr:sp macro="" textlink="">
      <xdr:nvSpPr>
        <xdr:cNvPr id="91" name="Text Box 110"/>
        <xdr:cNvSpPr txBox="1">
          <a:spLocks noChangeArrowheads="1"/>
        </xdr:cNvSpPr>
      </xdr:nvSpPr>
      <xdr:spPr bwMode="auto">
        <a:xfrm>
          <a:off x="19347179" y="2951019"/>
          <a:ext cx="221912" cy="2770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5</xdr:row>
      <xdr:rowOff>55210</xdr:rowOff>
    </xdr:from>
    <xdr:to>
      <xdr:col>25</xdr:col>
      <xdr:colOff>505254</xdr:colOff>
      <xdr:row>5</xdr:row>
      <xdr:rowOff>247128</xdr:rowOff>
    </xdr:to>
    <xdr:sp macro="" textlink="">
      <xdr:nvSpPr>
        <xdr:cNvPr id="92" name="Text Box 111"/>
        <xdr:cNvSpPr txBox="1">
          <a:spLocks noChangeArrowheads="1"/>
        </xdr:cNvSpPr>
      </xdr:nvSpPr>
      <xdr:spPr bwMode="auto">
        <a:xfrm>
          <a:off x="18442048" y="2404710"/>
          <a:ext cx="192456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55061</xdr:colOff>
      <xdr:row>7</xdr:row>
      <xdr:rowOff>83708</xdr:rowOff>
    </xdr:from>
    <xdr:to>
      <xdr:col>25</xdr:col>
      <xdr:colOff>543746</xdr:colOff>
      <xdr:row>7</xdr:row>
      <xdr:rowOff>304619</xdr:rowOff>
    </xdr:to>
    <xdr:sp macro="" textlink="">
      <xdr:nvSpPr>
        <xdr:cNvPr id="93" name="Text Box 112"/>
        <xdr:cNvSpPr txBox="1">
          <a:spLocks noChangeArrowheads="1"/>
        </xdr:cNvSpPr>
      </xdr:nvSpPr>
      <xdr:spPr bwMode="auto">
        <a:xfrm>
          <a:off x="18384311" y="3055508"/>
          <a:ext cx="288685" cy="22091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83428</xdr:colOff>
      <xdr:row>7</xdr:row>
      <xdr:rowOff>304619</xdr:rowOff>
    </xdr:from>
    <xdr:to>
      <xdr:col>27</xdr:col>
      <xdr:colOff>57444</xdr:colOff>
      <xdr:row>8</xdr:row>
      <xdr:rowOff>165605</xdr:rowOff>
    </xdr:to>
    <xdr:sp macro="" textlink="">
      <xdr:nvSpPr>
        <xdr:cNvPr id="94" name="Text Box 113"/>
        <xdr:cNvSpPr txBox="1">
          <a:spLocks noChangeArrowheads="1"/>
        </xdr:cNvSpPr>
      </xdr:nvSpPr>
      <xdr:spPr bwMode="auto">
        <a:xfrm>
          <a:off x="19241328" y="3276419"/>
          <a:ext cx="202666" cy="17213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01787</xdr:colOff>
      <xdr:row>9</xdr:row>
      <xdr:rowOff>54223</xdr:rowOff>
    </xdr:from>
    <xdr:to>
      <xdr:col>27</xdr:col>
      <xdr:colOff>490472</xdr:colOff>
      <xdr:row>9</xdr:row>
      <xdr:rowOff>218510</xdr:rowOff>
    </xdr:to>
    <xdr:sp macro="" textlink="">
      <xdr:nvSpPr>
        <xdr:cNvPr id="95" name="Text Box 114"/>
        <xdr:cNvSpPr txBox="1">
          <a:spLocks noChangeArrowheads="1"/>
        </xdr:cNvSpPr>
      </xdr:nvSpPr>
      <xdr:spPr bwMode="auto">
        <a:xfrm>
          <a:off x="19588337" y="3648323"/>
          <a:ext cx="288685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64183</xdr:colOff>
      <xdr:row>13</xdr:row>
      <xdr:rowOff>4915</xdr:rowOff>
    </xdr:from>
    <xdr:to>
      <xdr:col>27</xdr:col>
      <xdr:colOff>28576</xdr:colOff>
      <xdr:row>13</xdr:row>
      <xdr:rowOff>188530</xdr:rowOff>
    </xdr:to>
    <xdr:sp macro="" textlink="">
      <xdr:nvSpPr>
        <xdr:cNvPr id="96" name="Text Box 115"/>
        <xdr:cNvSpPr txBox="1">
          <a:spLocks noChangeArrowheads="1"/>
        </xdr:cNvSpPr>
      </xdr:nvSpPr>
      <xdr:spPr bwMode="auto">
        <a:xfrm>
          <a:off x="19222083" y="4843615"/>
          <a:ext cx="193043" cy="1836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39086</xdr:colOff>
      <xdr:row>11</xdr:row>
      <xdr:rowOff>121376</xdr:rowOff>
    </xdr:from>
    <xdr:to>
      <xdr:col>26</xdr:col>
      <xdr:colOff>622328</xdr:colOff>
      <xdr:row>12</xdr:row>
      <xdr:rowOff>269559</xdr:rowOff>
    </xdr:to>
    <xdr:sp macro="" textlink="">
      <xdr:nvSpPr>
        <xdr:cNvPr id="97" name="Text Box 116"/>
        <xdr:cNvSpPr txBox="1">
          <a:spLocks noChangeArrowheads="1"/>
        </xdr:cNvSpPr>
      </xdr:nvSpPr>
      <xdr:spPr bwMode="auto">
        <a:xfrm>
          <a:off x="19096986" y="4337776"/>
          <a:ext cx="283242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0024</xdr:colOff>
      <xdr:row>12</xdr:row>
      <xdr:rowOff>67978</xdr:rowOff>
    </xdr:from>
    <xdr:to>
      <xdr:col>26</xdr:col>
      <xdr:colOff>300594</xdr:colOff>
      <xdr:row>12</xdr:row>
      <xdr:rowOff>222601</xdr:rowOff>
    </xdr:to>
    <xdr:sp macro="" textlink="">
      <xdr:nvSpPr>
        <xdr:cNvPr id="98" name="Text Box 117"/>
        <xdr:cNvSpPr txBox="1">
          <a:spLocks noChangeArrowheads="1"/>
        </xdr:cNvSpPr>
      </xdr:nvSpPr>
      <xdr:spPr bwMode="auto">
        <a:xfrm>
          <a:off x="18817924" y="4595528"/>
          <a:ext cx="240570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88893</xdr:colOff>
      <xdr:row>10</xdr:row>
      <xdr:rowOff>260390</xdr:rowOff>
    </xdr:from>
    <xdr:to>
      <xdr:col>26</xdr:col>
      <xdr:colOff>329463</xdr:colOff>
      <xdr:row>11</xdr:row>
      <xdr:rowOff>111712</xdr:rowOff>
    </xdr:to>
    <xdr:sp macro="" textlink="">
      <xdr:nvSpPr>
        <xdr:cNvPr id="99" name="Text Box 118"/>
        <xdr:cNvSpPr txBox="1">
          <a:spLocks noChangeArrowheads="1"/>
        </xdr:cNvSpPr>
      </xdr:nvSpPr>
      <xdr:spPr bwMode="auto">
        <a:xfrm>
          <a:off x="18846793" y="4165640"/>
          <a:ext cx="240570" cy="16247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10</xdr:row>
      <xdr:rowOff>165111</xdr:rowOff>
    </xdr:from>
    <xdr:to>
      <xdr:col>25</xdr:col>
      <xdr:colOff>605662</xdr:colOff>
      <xdr:row>11</xdr:row>
      <xdr:rowOff>34401</xdr:rowOff>
    </xdr:to>
    <xdr:sp macro="" textlink="">
      <xdr:nvSpPr>
        <xdr:cNvPr id="100" name="Text Box 119"/>
        <xdr:cNvSpPr txBox="1">
          <a:spLocks noChangeArrowheads="1"/>
        </xdr:cNvSpPr>
      </xdr:nvSpPr>
      <xdr:spPr bwMode="auto">
        <a:xfrm>
          <a:off x="18442048" y="4070361"/>
          <a:ext cx="292864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617865</xdr:colOff>
      <xdr:row>9</xdr:row>
      <xdr:rowOff>265468</xdr:rowOff>
    </xdr:from>
    <xdr:to>
      <xdr:col>25</xdr:col>
      <xdr:colOff>197324</xdr:colOff>
      <xdr:row>10</xdr:row>
      <xdr:rowOff>145783</xdr:rowOff>
    </xdr:to>
    <xdr:sp macro="" textlink="">
      <xdr:nvSpPr>
        <xdr:cNvPr id="101" name="Text Box 120"/>
        <xdr:cNvSpPr txBox="1">
          <a:spLocks noChangeArrowheads="1"/>
        </xdr:cNvSpPr>
      </xdr:nvSpPr>
      <xdr:spPr bwMode="auto">
        <a:xfrm>
          <a:off x="18118465" y="3859568"/>
          <a:ext cx="208109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94439</xdr:colOff>
      <xdr:row>7</xdr:row>
      <xdr:rowOff>236971</xdr:rowOff>
    </xdr:from>
    <xdr:to>
      <xdr:col>25</xdr:col>
      <xdr:colOff>158832</xdr:colOff>
      <xdr:row>8</xdr:row>
      <xdr:rowOff>78629</xdr:rowOff>
    </xdr:to>
    <xdr:sp macro="" textlink="">
      <xdr:nvSpPr>
        <xdr:cNvPr id="102" name="Text Box 121"/>
        <xdr:cNvSpPr txBox="1">
          <a:spLocks noChangeArrowheads="1"/>
        </xdr:cNvSpPr>
      </xdr:nvSpPr>
      <xdr:spPr bwMode="auto">
        <a:xfrm>
          <a:off x="18095039" y="3208771"/>
          <a:ext cx="193043" cy="15280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16069</xdr:colOff>
      <xdr:row>8</xdr:row>
      <xdr:rowOff>204261</xdr:rowOff>
    </xdr:from>
    <xdr:to>
      <xdr:col>26</xdr:col>
      <xdr:colOff>660819</xdr:colOff>
      <xdr:row>10</xdr:row>
      <xdr:rowOff>39480</xdr:rowOff>
    </xdr:to>
    <xdr:sp macro="" textlink="">
      <xdr:nvSpPr>
        <xdr:cNvPr id="103" name="Text Box 122"/>
        <xdr:cNvSpPr txBox="1">
          <a:spLocks noChangeArrowheads="1"/>
        </xdr:cNvSpPr>
      </xdr:nvSpPr>
      <xdr:spPr bwMode="auto">
        <a:xfrm>
          <a:off x="19173969" y="3487211"/>
          <a:ext cx="213000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17793</xdr:colOff>
      <xdr:row>8</xdr:row>
      <xdr:rowOff>1318</xdr:rowOff>
    </xdr:from>
    <xdr:to>
      <xdr:col>26</xdr:col>
      <xdr:colOff>506478</xdr:colOff>
      <xdr:row>8</xdr:row>
      <xdr:rowOff>165605</xdr:rowOff>
    </xdr:to>
    <xdr:sp macro="" textlink="">
      <xdr:nvSpPr>
        <xdr:cNvPr id="104" name="Text Box 123"/>
        <xdr:cNvSpPr txBox="1">
          <a:spLocks noChangeArrowheads="1"/>
        </xdr:cNvSpPr>
      </xdr:nvSpPr>
      <xdr:spPr bwMode="auto">
        <a:xfrm>
          <a:off x="19433227" y="3310002"/>
          <a:ext cx="288685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8</xdr:row>
      <xdr:rowOff>280211</xdr:rowOff>
    </xdr:from>
    <xdr:to>
      <xdr:col>25</xdr:col>
      <xdr:colOff>605662</xdr:colOff>
      <xdr:row>10</xdr:row>
      <xdr:rowOff>213431</xdr:rowOff>
    </xdr:to>
    <xdr:sp macro="" textlink="">
      <xdr:nvSpPr>
        <xdr:cNvPr id="105" name="Text Box 124"/>
        <xdr:cNvSpPr txBox="1">
          <a:spLocks noChangeArrowheads="1"/>
        </xdr:cNvSpPr>
      </xdr:nvSpPr>
      <xdr:spPr bwMode="auto">
        <a:xfrm>
          <a:off x="18442048" y="3563161"/>
          <a:ext cx="292864" cy="55552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戸塚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24804</xdr:colOff>
      <xdr:row>16</xdr:row>
      <xdr:rowOff>192621</xdr:rowOff>
    </xdr:from>
    <xdr:to>
      <xdr:col>28</xdr:col>
      <xdr:colOff>64487</xdr:colOff>
      <xdr:row>17</xdr:row>
      <xdr:rowOff>81239</xdr:rowOff>
    </xdr:to>
    <xdr:sp macro="" textlink="">
      <xdr:nvSpPr>
        <xdr:cNvPr id="106" name="Text Box 125"/>
        <xdr:cNvSpPr txBox="1">
          <a:spLocks noChangeArrowheads="1"/>
        </xdr:cNvSpPr>
      </xdr:nvSpPr>
      <xdr:spPr bwMode="auto">
        <a:xfrm>
          <a:off x="19511354" y="5964771"/>
          <a:ext cx="568333" cy="19976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横須賀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55066</xdr:colOff>
      <xdr:row>15</xdr:row>
      <xdr:rowOff>139717</xdr:rowOff>
    </xdr:from>
    <xdr:to>
      <xdr:col>20</xdr:col>
      <xdr:colOff>85126</xdr:colOff>
      <xdr:row>16</xdr:row>
      <xdr:rowOff>28335</xdr:rowOff>
    </xdr:to>
    <xdr:sp macro="" textlink="">
      <xdr:nvSpPr>
        <xdr:cNvPr id="107" name="Text Box 127"/>
        <xdr:cNvSpPr txBox="1">
          <a:spLocks noChangeArrowheads="1"/>
        </xdr:cNvSpPr>
      </xdr:nvSpPr>
      <xdr:spPr bwMode="auto">
        <a:xfrm>
          <a:off x="14512416" y="5600717"/>
          <a:ext cx="558710" cy="19976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小田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644850</xdr:colOff>
      <xdr:row>11</xdr:row>
      <xdr:rowOff>284302</xdr:rowOff>
    </xdr:from>
    <xdr:to>
      <xdr:col>22</xdr:col>
      <xdr:colOff>464880</xdr:colOff>
      <xdr:row>12</xdr:row>
      <xdr:rowOff>164617</xdr:rowOff>
    </xdr:to>
    <xdr:sp macro="" textlink="">
      <xdr:nvSpPr>
        <xdr:cNvPr id="108" name="Text Box 128"/>
        <xdr:cNvSpPr txBox="1">
          <a:spLocks noChangeArrowheads="1"/>
        </xdr:cNvSpPr>
      </xdr:nvSpPr>
      <xdr:spPr bwMode="auto">
        <a:xfrm>
          <a:off x="16240450" y="4500702"/>
          <a:ext cx="467730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平塚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54370</xdr:colOff>
      <xdr:row>12</xdr:row>
      <xdr:rowOff>145289</xdr:rowOff>
    </xdr:from>
    <xdr:to>
      <xdr:col>24</xdr:col>
      <xdr:colOff>94053</xdr:colOff>
      <xdr:row>13</xdr:row>
      <xdr:rowOff>53235</xdr:rowOff>
    </xdr:to>
    <xdr:sp macro="" textlink="">
      <xdr:nvSpPr>
        <xdr:cNvPr id="109" name="Text Box 129"/>
        <xdr:cNvSpPr txBox="1">
          <a:spLocks noChangeArrowheads="1"/>
        </xdr:cNvSpPr>
      </xdr:nvSpPr>
      <xdr:spPr bwMode="auto">
        <a:xfrm>
          <a:off x="17026320" y="4672839"/>
          <a:ext cx="568333" cy="21909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茅ヶ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103676</xdr:colOff>
      <xdr:row>11</xdr:row>
      <xdr:rowOff>111712</xdr:rowOff>
    </xdr:from>
    <xdr:to>
      <xdr:col>24</xdr:col>
      <xdr:colOff>637111</xdr:colOff>
      <xdr:row>12</xdr:row>
      <xdr:rowOff>259895</xdr:rowOff>
    </xdr:to>
    <xdr:sp macro="" textlink="">
      <xdr:nvSpPr>
        <xdr:cNvPr id="110" name="Text Box 130"/>
        <xdr:cNvSpPr txBox="1">
          <a:spLocks noChangeArrowheads="1"/>
        </xdr:cNvSpPr>
      </xdr:nvSpPr>
      <xdr:spPr bwMode="auto">
        <a:xfrm>
          <a:off x="17604276" y="4328112"/>
          <a:ext cx="527085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藤沢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55061</xdr:colOff>
      <xdr:row>12</xdr:row>
      <xdr:rowOff>259896</xdr:rowOff>
    </xdr:from>
    <xdr:to>
      <xdr:col>26</xdr:col>
      <xdr:colOff>108139</xdr:colOff>
      <xdr:row>13</xdr:row>
      <xdr:rowOff>140211</xdr:rowOff>
    </xdr:to>
    <xdr:sp macro="" textlink="">
      <xdr:nvSpPr>
        <xdr:cNvPr id="111" name="Text Box 131"/>
        <xdr:cNvSpPr txBox="1">
          <a:spLocks noChangeArrowheads="1"/>
        </xdr:cNvSpPr>
      </xdr:nvSpPr>
      <xdr:spPr bwMode="auto">
        <a:xfrm>
          <a:off x="18384311" y="4787446"/>
          <a:ext cx="481728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鎌倉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85127</xdr:colOff>
      <xdr:row>9</xdr:row>
      <xdr:rowOff>218510</xdr:rowOff>
    </xdr:from>
    <xdr:to>
      <xdr:col>20</xdr:col>
      <xdr:colOff>608940</xdr:colOff>
      <xdr:row>10</xdr:row>
      <xdr:rowOff>87800</xdr:rowOff>
    </xdr:to>
    <xdr:sp macro="" textlink="">
      <xdr:nvSpPr>
        <xdr:cNvPr id="112" name="Text Box 132"/>
        <xdr:cNvSpPr txBox="1">
          <a:spLocks noChangeArrowheads="1"/>
        </xdr:cNvSpPr>
      </xdr:nvSpPr>
      <xdr:spPr bwMode="auto">
        <a:xfrm>
          <a:off x="15071127" y="3812610"/>
          <a:ext cx="523813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秦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275003</xdr:colOff>
      <xdr:row>9</xdr:row>
      <xdr:rowOff>160526</xdr:rowOff>
    </xdr:from>
    <xdr:to>
      <xdr:col>22</xdr:col>
      <xdr:colOff>445634</xdr:colOff>
      <xdr:row>10</xdr:row>
      <xdr:rowOff>87800</xdr:rowOff>
    </xdr:to>
    <xdr:sp macro="" textlink="">
      <xdr:nvSpPr>
        <xdr:cNvPr id="113" name="Text Box 133"/>
        <xdr:cNvSpPr txBox="1">
          <a:spLocks noChangeArrowheads="1"/>
        </xdr:cNvSpPr>
      </xdr:nvSpPr>
      <xdr:spPr bwMode="auto">
        <a:xfrm>
          <a:off x="15889653" y="3754626"/>
          <a:ext cx="799281" cy="23842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伊勢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287206</xdr:colOff>
      <xdr:row>12</xdr:row>
      <xdr:rowOff>240568</xdr:rowOff>
    </xdr:from>
    <xdr:to>
      <xdr:col>21</xdr:col>
      <xdr:colOff>111415</xdr:colOff>
      <xdr:row>13</xdr:row>
      <xdr:rowOff>111219</xdr:rowOff>
    </xdr:to>
    <xdr:sp macro="" textlink="">
      <xdr:nvSpPr>
        <xdr:cNvPr id="114" name="Text Box 134"/>
        <xdr:cNvSpPr txBox="1">
          <a:spLocks noChangeArrowheads="1"/>
        </xdr:cNvSpPr>
      </xdr:nvSpPr>
      <xdr:spPr bwMode="auto">
        <a:xfrm>
          <a:off x="15273206" y="4768118"/>
          <a:ext cx="452859" cy="1818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中井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424505</xdr:colOff>
      <xdr:row>12</xdr:row>
      <xdr:rowOff>240568</xdr:rowOff>
    </xdr:from>
    <xdr:to>
      <xdr:col>20</xdr:col>
      <xdr:colOff>258337</xdr:colOff>
      <xdr:row>13</xdr:row>
      <xdr:rowOff>111219</xdr:rowOff>
    </xdr:to>
    <xdr:sp macro="" textlink="">
      <xdr:nvSpPr>
        <xdr:cNvPr id="115" name="Text Box 135"/>
        <xdr:cNvSpPr txBox="1">
          <a:spLocks noChangeArrowheads="1"/>
        </xdr:cNvSpPr>
      </xdr:nvSpPr>
      <xdr:spPr bwMode="auto">
        <a:xfrm>
          <a:off x="14781855" y="4768118"/>
          <a:ext cx="462482" cy="1818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大井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42363</xdr:colOff>
      <xdr:row>13</xdr:row>
      <xdr:rowOff>235489</xdr:rowOff>
    </xdr:from>
    <xdr:to>
      <xdr:col>22</xdr:col>
      <xdr:colOff>185818</xdr:colOff>
      <xdr:row>14</xdr:row>
      <xdr:rowOff>96476</xdr:rowOff>
    </xdr:to>
    <xdr:sp macro="" textlink="">
      <xdr:nvSpPr>
        <xdr:cNvPr id="116" name="Text Box 137"/>
        <xdr:cNvSpPr txBox="1">
          <a:spLocks noChangeArrowheads="1"/>
        </xdr:cNvSpPr>
      </xdr:nvSpPr>
      <xdr:spPr bwMode="auto">
        <a:xfrm>
          <a:off x="15957013" y="5074189"/>
          <a:ext cx="472105" cy="17213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大磯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405394</xdr:colOff>
      <xdr:row>19</xdr:row>
      <xdr:rowOff>282327</xdr:rowOff>
    </xdr:from>
    <xdr:to>
      <xdr:col>19</xdr:col>
      <xdr:colOff>87707</xdr:colOff>
      <xdr:row>21</xdr:row>
      <xdr:rowOff>118907</xdr:rowOff>
    </xdr:to>
    <xdr:sp macro="" textlink="">
      <xdr:nvSpPr>
        <xdr:cNvPr id="117" name="Text Box 138"/>
        <xdr:cNvSpPr txBox="1">
          <a:spLocks noChangeArrowheads="1"/>
        </xdr:cNvSpPr>
      </xdr:nvSpPr>
      <xdr:spPr bwMode="auto">
        <a:xfrm>
          <a:off x="13918194" y="6987927"/>
          <a:ext cx="526863" cy="4588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湯河原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34561</xdr:colOff>
      <xdr:row>10</xdr:row>
      <xdr:rowOff>126455</xdr:rowOff>
    </xdr:from>
    <xdr:to>
      <xdr:col>19</xdr:col>
      <xdr:colOff>573439</xdr:colOff>
      <xdr:row>10</xdr:row>
      <xdr:rowOff>299046</xdr:rowOff>
    </xdr:to>
    <xdr:sp macro="" textlink="">
      <xdr:nvSpPr>
        <xdr:cNvPr id="118" name="Text Box 141"/>
        <xdr:cNvSpPr txBox="1">
          <a:spLocks noChangeArrowheads="1"/>
        </xdr:cNvSpPr>
      </xdr:nvSpPr>
      <xdr:spPr bwMode="auto">
        <a:xfrm>
          <a:off x="14391911" y="4031705"/>
          <a:ext cx="538878" cy="17259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松田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325876</xdr:colOff>
      <xdr:row>6</xdr:row>
      <xdr:rowOff>139766</xdr:rowOff>
    </xdr:from>
    <xdr:to>
      <xdr:col>21</xdr:col>
      <xdr:colOff>140464</xdr:colOff>
      <xdr:row>7</xdr:row>
      <xdr:rowOff>583</xdr:rowOff>
    </xdr:to>
    <xdr:sp macro="" textlink="">
      <xdr:nvSpPr>
        <xdr:cNvPr id="119" name="Text Box 144"/>
        <xdr:cNvSpPr txBox="1">
          <a:spLocks noChangeArrowheads="1"/>
        </xdr:cNvSpPr>
      </xdr:nvSpPr>
      <xdr:spPr bwMode="auto">
        <a:xfrm>
          <a:off x="15311876" y="2800416"/>
          <a:ext cx="443238" cy="17196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清川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416407</xdr:colOff>
      <xdr:row>4</xdr:row>
      <xdr:rowOff>150124</xdr:rowOff>
    </xdr:from>
    <xdr:to>
      <xdr:col>22</xdr:col>
      <xdr:colOff>259862</xdr:colOff>
      <xdr:row>5</xdr:row>
      <xdr:rowOff>18223</xdr:rowOff>
    </xdr:to>
    <xdr:sp macro="" textlink="">
      <xdr:nvSpPr>
        <xdr:cNvPr id="120" name="Text Box 145"/>
        <xdr:cNvSpPr txBox="1">
          <a:spLocks noChangeArrowheads="1"/>
        </xdr:cNvSpPr>
      </xdr:nvSpPr>
      <xdr:spPr bwMode="auto">
        <a:xfrm>
          <a:off x="16031057" y="2188474"/>
          <a:ext cx="472105" cy="17924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愛川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477082</xdr:colOff>
      <xdr:row>2</xdr:row>
      <xdr:rowOff>212843</xdr:rowOff>
    </xdr:from>
    <xdr:to>
      <xdr:col>22</xdr:col>
      <xdr:colOff>589976</xdr:colOff>
      <xdr:row>2</xdr:row>
      <xdr:rowOff>483433</xdr:rowOff>
    </xdr:to>
    <xdr:sp macro="" textlink="">
      <xdr:nvSpPr>
        <xdr:cNvPr id="121" name="Text Box 146"/>
        <xdr:cNvSpPr txBox="1">
          <a:spLocks noChangeArrowheads="1"/>
        </xdr:cNvSpPr>
      </xdr:nvSpPr>
      <xdr:spPr bwMode="auto">
        <a:xfrm>
          <a:off x="16091732" y="790693"/>
          <a:ext cx="741544" cy="270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36576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相模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240975</xdr:colOff>
      <xdr:row>6</xdr:row>
      <xdr:rowOff>40467</xdr:rowOff>
    </xdr:from>
    <xdr:to>
      <xdr:col>24</xdr:col>
      <xdr:colOff>84430</xdr:colOff>
      <xdr:row>6</xdr:row>
      <xdr:rowOff>214418</xdr:rowOff>
    </xdr:to>
    <xdr:sp macro="" textlink="">
      <xdr:nvSpPr>
        <xdr:cNvPr id="122" name="Text Box 147"/>
        <xdr:cNvSpPr txBox="1">
          <a:spLocks noChangeArrowheads="1"/>
        </xdr:cNvSpPr>
      </xdr:nvSpPr>
      <xdr:spPr bwMode="auto">
        <a:xfrm>
          <a:off x="17112925" y="2701117"/>
          <a:ext cx="472105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座間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423808</xdr:colOff>
      <xdr:row>8</xdr:row>
      <xdr:rowOff>1318</xdr:rowOff>
    </xdr:from>
    <xdr:to>
      <xdr:col>24</xdr:col>
      <xdr:colOff>276886</xdr:colOff>
      <xdr:row>8</xdr:row>
      <xdr:rowOff>194597</xdr:rowOff>
    </xdr:to>
    <xdr:sp macro="" textlink="">
      <xdr:nvSpPr>
        <xdr:cNvPr id="123" name="Text Box 148"/>
        <xdr:cNvSpPr txBox="1">
          <a:spLocks noChangeArrowheads="1"/>
        </xdr:cNvSpPr>
      </xdr:nvSpPr>
      <xdr:spPr bwMode="auto">
        <a:xfrm>
          <a:off x="17295758" y="3284268"/>
          <a:ext cx="481728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綾瀬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35124</xdr:colOff>
      <xdr:row>7</xdr:row>
      <xdr:rowOff>132028</xdr:rowOff>
    </xdr:from>
    <xdr:to>
      <xdr:col>23</xdr:col>
      <xdr:colOff>337203</xdr:colOff>
      <xdr:row>9</xdr:row>
      <xdr:rowOff>208846</xdr:rowOff>
    </xdr:to>
    <xdr:sp macro="" textlink="">
      <xdr:nvSpPr>
        <xdr:cNvPr id="124" name="Text Box 152"/>
        <xdr:cNvSpPr txBox="1">
          <a:spLocks noChangeArrowheads="1"/>
        </xdr:cNvSpPr>
      </xdr:nvSpPr>
      <xdr:spPr bwMode="auto">
        <a:xfrm>
          <a:off x="17007074" y="3103828"/>
          <a:ext cx="202079" cy="69911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海老名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84430</xdr:colOff>
      <xdr:row>5</xdr:row>
      <xdr:rowOff>209833</xdr:rowOff>
    </xdr:from>
    <xdr:to>
      <xdr:col>24</xdr:col>
      <xdr:colOff>286509</xdr:colOff>
      <xdr:row>7</xdr:row>
      <xdr:rowOff>170683</xdr:rowOff>
    </xdr:to>
    <xdr:sp macro="" textlink="">
      <xdr:nvSpPr>
        <xdr:cNvPr id="125" name="Text Box 153"/>
        <xdr:cNvSpPr txBox="1">
          <a:spLocks noChangeArrowheads="1"/>
        </xdr:cNvSpPr>
      </xdr:nvSpPr>
      <xdr:spPr bwMode="auto">
        <a:xfrm>
          <a:off x="17585030" y="2559333"/>
          <a:ext cx="202079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大和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67764</xdr:colOff>
      <xdr:row>10</xdr:row>
      <xdr:rowOff>165111</xdr:rowOff>
    </xdr:from>
    <xdr:to>
      <xdr:col>23</xdr:col>
      <xdr:colOff>366071</xdr:colOff>
      <xdr:row>12</xdr:row>
      <xdr:rowOff>125961</xdr:rowOff>
    </xdr:to>
    <xdr:sp macro="" textlink="">
      <xdr:nvSpPr>
        <xdr:cNvPr id="126" name="Text Box 155"/>
        <xdr:cNvSpPr txBox="1">
          <a:spLocks noChangeArrowheads="1"/>
        </xdr:cNvSpPr>
      </xdr:nvSpPr>
      <xdr:spPr bwMode="auto">
        <a:xfrm>
          <a:off x="16939714" y="4070361"/>
          <a:ext cx="298307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寒川町</a:t>
          </a:r>
          <a:endParaRPr kumimoji="0" lang="ja-JP" altLang="en-US" sz="105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24810</xdr:colOff>
      <xdr:row>13</xdr:row>
      <xdr:rowOff>178310</xdr:rowOff>
    </xdr:from>
    <xdr:to>
      <xdr:col>21</xdr:col>
      <xdr:colOff>217266</xdr:colOff>
      <xdr:row>15</xdr:row>
      <xdr:rowOff>139160</xdr:rowOff>
    </xdr:to>
    <xdr:sp macro="" textlink="">
      <xdr:nvSpPr>
        <xdr:cNvPr id="127" name="Text Box 156"/>
        <xdr:cNvSpPr txBox="1">
          <a:spLocks noChangeArrowheads="1"/>
        </xdr:cNvSpPr>
      </xdr:nvSpPr>
      <xdr:spPr bwMode="auto">
        <a:xfrm>
          <a:off x="15639460" y="5017010"/>
          <a:ext cx="192456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二宮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9647</xdr:colOff>
      <xdr:row>13</xdr:row>
      <xdr:rowOff>275921</xdr:rowOff>
    </xdr:from>
    <xdr:to>
      <xdr:col>26</xdr:col>
      <xdr:colOff>598902</xdr:colOff>
      <xdr:row>15</xdr:row>
      <xdr:rowOff>112501</xdr:rowOff>
    </xdr:to>
    <xdr:sp macro="" textlink="">
      <xdr:nvSpPr>
        <xdr:cNvPr id="128" name="Text Box 157"/>
        <xdr:cNvSpPr txBox="1">
          <a:spLocks noChangeArrowheads="1"/>
        </xdr:cNvSpPr>
      </xdr:nvSpPr>
      <xdr:spPr bwMode="auto">
        <a:xfrm>
          <a:off x="19261161" y="5169050"/>
          <a:ext cx="529255" cy="467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逗子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37007</xdr:colOff>
      <xdr:row>15</xdr:row>
      <xdr:rowOff>217028</xdr:rowOff>
    </xdr:from>
    <xdr:to>
      <xdr:col>26</xdr:col>
      <xdr:colOff>660819</xdr:colOff>
      <xdr:row>16</xdr:row>
      <xdr:rowOff>86318</xdr:rowOff>
    </xdr:to>
    <xdr:sp macro="" textlink="">
      <xdr:nvSpPr>
        <xdr:cNvPr id="129" name="Text Box 158"/>
        <xdr:cNvSpPr txBox="1">
          <a:spLocks noChangeArrowheads="1"/>
        </xdr:cNvSpPr>
      </xdr:nvSpPr>
      <xdr:spPr bwMode="auto">
        <a:xfrm>
          <a:off x="18894907" y="5678028"/>
          <a:ext cx="492062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葉山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65700</xdr:colOff>
      <xdr:row>12</xdr:row>
      <xdr:rowOff>181875</xdr:rowOff>
    </xdr:from>
    <xdr:to>
      <xdr:col>19</xdr:col>
      <xdr:colOff>248534</xdr:colOff>
      <xdr:row>13</xdr:row>
      <xdr:rowOff>41501</xdr:rowOff>
    </xdr:to>
    <xdr:sp macro="" textlink="">
      <xdr:nvSpPr>
        <xdr:cNvPr id="130" name="Text Box 163"/>
        <xdr:cNvSpPr txBox="1">
          <a:spLocks noChangeArrowheads="1"/>
        </xdr:cNvSpPr>
      </xdr:nvSpPr>
      <xdr:spPr bwMode="auto">
        <a:xfrm>
          <a:off x="14423050" y="4709425"/>
          <a:ext cx="182834" cy="170776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開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375694</xdr:colOff>
      <xdr:row>6</xdr:row>
      <xdr:rowOff>204754</xdr:rowOff>
    </xdr:from>
    <xdr:to>
      <xdr:col>23</xdr:col>
      <xdr:colOff>620444</xdr:colOff>
      <xdr:row>7</xdr:row>
      <xdr:rowOff>45052</xdr:rowOff>
    </xdr:to>
    <xdr:sp macro="" textlink="">
      <xdr:nvSpPr>
        <xdr:cNvPr id="131" name="Text Box 167"/>
        <xdr:cNvSpPr txBox="1">
          <a:spLocks noChangeArrowheads="1"/>
        </xdr:cNvSpPr>
      </xdr:nvSpPr>
      <xdr:spPr bwMode="auto">
        <a:xfrm>
          <a:off x="17247644" y="2865404"/>
          <a:ext cx="244750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257641</xdr:colOff>
      <xdr:row>7</xdr:row>
      <xdr:rowOff>219003</xdr:rowOff>
    </xdr:from>
    <xdr:to>
      <xdr:col>24</xdr:col>
      <xdr:colOff>507834</xdr:colOff>
      <xdr:row>8</xdr:row>
      <xdr:rowOff>59301</xdr:rowOff>
    </xdr:to>
    <xdr:sp macro="" textlink="">
      <xdr:nvSpPr>
        <xdr:cNvPr id="132" name="Text Box 168"/>
        <xdr:cNvSpPr txBox="1">
          <a:spLocks noChangeArrowheads="1"/>
        </xdr:cNvSpPr>
      </xdr:nvSpPr>
      <xdr:spPr bwMode="auto">
        <a:xfrm>
          <a:off x="17758241" y="3190803"/>
          <a:ext cx="250193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568151</xdr:colOff>
      <xdr:row>8</xdr:row>
      <xdr:rowOff>241555</xdr:rowOff>
    </xdr:from>
    <xdr:to>
      <xdr:col>24</xdr:col>
      <xdr:colOff>171036</xdr:colOff>
      <xdr:row>10</xdr:row>
      <xdr:rowOff>78135</xdr:rowOff>
    </xdr:to>
    <xdr:sp macro="" textlink="">
      <xdr:nvSpPr>
        <xdr:cNvPr id="133" name="Text Box 169"/>
        <xdr:cNvSpPr txBox="1">
          <a:spLocks noChangeArrowheads="1"/>
        </xdr:cNvSpPr>
      </xdr:nvSpPr>
      <xdr:spPr bwMode="auto">
        <a:xfrm>
          <a:off x="17440101" y="3524505"/>
          <a:ext cx="231535" cy="4588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25501</xdr:colOff>
      <xdr:row>9</xdr:row>
      <xdr:rowOff>199182</xdr:rowOff>
    </xdr:from>
    <xdr:to>
      <xdr:col>23</xdr:col>
      <xdr:colOff>423808</xdr:colOff>
      <xdr:row>10</xdr:row>
      <xdr:rowOff>39480</xdr:rowOff>
    </xdr:to>
    <xdr:sp macro="" textlink="">
      <xdr:nvSpPr>
        <xdr:cNvPr id="134" name="Text Box 170"/>
        <xdr:cNvSpPr txBox="1">
          <a:spLocks noChangeArrowheads="1"/>
        </xdr:cNvSpPr>
      </xdr:nvSpPr>
      <xdr:spPr bwMode="auto">
        <a:xfrm>
          <a:off x="16997451" y="3793282"/>
          <a:ext cx="298307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238395</xdr:colOff>
      <xdr:row>12</xdr:row>
      <xdr:rowOff>58314</xdr:rowOff>
    </xdr:from>
    <xdr:to>
      <xdr:col>24</xdr:col>
      <xdr:colOff>488588</xdr:colOff>
      <xdr:row>12</xdr:row>
      <xdr:rowOff>230904</xdr:rowOff>
    </xdr:to>
    <xdr:sp macro="" textlink="">
      <xdr:nvSpPr>
        <xdr:cNvPr id="135" name="Text Box 171"/>
        <xdr:cNvSpPr txBox="1">
          <a:spLocks noChangeArrowheads="1"/>
        </xdr:cNvSpPr>
      </xdr:nvSpPr>
      <xdr:spPr bwMode="auto">
        <a:xfrm>
          <a:off x="17738995" y="4585864"/>
          <a:ext cx="250193" cy="172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５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337203</xdr:colOff>
      <xdr:row>13</xdr:row>
      <xdr:rowOff>62899</xdr:rowOff>
    </xdr:from>
    <xdr:to>
      <xdr:col>23</xdr:col>
      <xdr:colOff>587396</xdr:colOff>
      <xdr:row>13</xdr:row>
      <xdr:rowOff>217522</xdr:rowOff>
    </xdr:to>
    <xdr:sp macro="" textlink="">
      <xdr:nvSpPr>
        <xdr:cNvPr id="136" name="Text Box 172"/>
        <xdr:cNvSpPr txBox="1">
          <a:spLocks noChangeArrowheads="1"/>
        </xdr:cNvSpPr>
      </xdr:nvSpPr>
      <xdr:spPr bwMode="auto">
        <a:xfrm>
          <a:off x="17209153" y="4901599"/>
          <a:ext cx="250193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2</xdr:col>
      <xdr:colOff>79967</xdr:colOff>
      <xdr:row>12</xdr:row>
      <xdr:rowOff>203273</xdr:rowOff>
    </xdr:from>
    <xdr:to>
      <xdr:col>22</xdr:col>
      <xdr:colOff>378274</xdr:colOff>
      <xdr:row>13</xdr:row>
      <xdr:rowOff>53235</xdr:rowOff>
    </xdr:to>
    <xdr:sp macro="" textlink="">
      <xdr:nvSpPr>
        <xdr:cNvPr id="137" name="Text Box 173"/>
        <xdr:cNvSpPr txBox="1">
          <a:spLocks noChangeArrowheads="1"/>
        </xdr:cNvSpPr>
      </xdr:nvSpPr>
      <xdr:spPr bwMode="auto">
        <a:xfrm>
          <a:off x="16323267" y="4730823"/>
          <a:ext cx="298307" cy="1611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573311</xdr:colOff>
      <xdr:row>10</xdr:row>
      <xdr:rowOff>29183</xdr:rowOff>
    </xdr:from>
    <xdr:to>
      <xdr:col>22</xdr:col>
      <xdr:colOff>147327</xdr:colOff>
      <xdr:row>10</xdr:row>
      <xdr:rowOff>194202</xdr:rowOff>
    </xdr:to>
    <xdr:sp macro="" textlink="">
      <xdr:nvSpPr>
        <xdr:cNvPr id="138" name="Text Box 174"/>
        <xdr:cNvSpPr txBox="1">
          <a:spLocks noChangeArrowheads="1"/>
        </xdr:cNvSpPr>
      </xdr:nvSpPr>
      <xdr:spPr bwMode="auto">
        <a:xfrm>
          <a:off x="16187961" y="3934433"/>
          <a:ext cx="202666" cy="1650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200601</xdr:colOff>
      <xdr:row>10</xdr:row>
      <xdr:rowOff>126455</xdr:rowOff>
    </xdr:from>
    <xdr:to>
      <xdr:col>20</xdr:col>
      <xdr:colOff>460417</xdr:colOff>
      <xdr:row>10</xdr:row>
      <xdr:rowOff>279718</xdr:rowOff>
    </xdr:to>
    <xdr:sp macro="" textlink="">
      <xdr:nvSpPr>
        <xdr:cNvPr id="139" name="Text Box 176"/>
        <xdr:cNvSpPr txBox="1">
          <a:spLocks noChangeArrowheads="1"/>
        </xdr:cNvSpPr>
      </xdr:nvSpPr>
      <xdr:spPr bwMode="auto">
        <a:xfrm>
          <a:off x="15186601" y="4031705"/>
          <a:ext cx="259816" cy="15326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337900</xdr:colOff>
      <xdr:row>16</xdr:row>
      <xdr:rowOff>86318</xdr:rowOff>
    </xdr:from>
    <xdr:to>
      <xdr:col>19</xdr:col>
      <xdr:colOff>621142</xdr:colOff>
      <xdr:row>16</xdr:row>
      <xdr:rowOff>239580</xdr:rowOff>
    </xdr:to>
    <xdr:sp macro="" textlink="">
      <xdr:nvSpPr>
        <xdr:cNvPr id="140" name="Text Box 178"/>
        <xdr:cNvSpPr txBox="1">
          <a:spLocks noChangeArrowheads="1"/>
        </xdr:cNvSpPr>
      </xdr:nvSpPr>
      <xdr:spPr bwMode="auto">
        <a:xfrm>
          <a:off x="14695250" y="5858468"/>
          <a:ext cx="283242" cy="15326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89780</xdr:colOff>
      <xdr:row>13</xdr:row>
      <xdr:rowOff>178866</xdr:rowOff>
    </xdr:from>
    <xdr:to>
      <xdr:col>25</xdr:col>
      <xdr:colOff>673022</xdr:colOff>
      <xdr:row>14</xdr:row>
      <xdr:rowOff>125467</xdr:rowOff>
    </xdr:to>
    <xdr:sp macro="" textlink="">
      <xdr:nvSpPr>
        <xdr:cNvPr id="141" name="Text Box 179"/>
        <xdr:cNvSpPr txBox="1">
          <a:spLocks noChangeArrowheads="1"/>
        </xdr:cNvSpPr>
      </xdr:nvSpPr>
      <xdr:spPr bwMode="auto">
        <a:xfrm>
          <a:off x="18519030" y="5017566"/>
          <a:ext cx="238792" cy="2577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60819</xdr:colOff>
      <xdr:row>20</xdr:row>
      <xdr:rowOff>267584</xdr:rowOff>
    </xdr:from>
    <xdr:to>
      <xdr:col>27</xdr:col>
      <xdr:colOff>230655</xdr:colOff>
      <xdr:row>21</xdr:row>
      <xdr:rowOff>118907</xdr:rowOff>
    </xdr:to>
    <xdr:sp macro="" textlink="">
      <xdr:nvSpPr>
        <xdr:cNvPr id="142" name="Text Box 180"/>
        <xdr:cNvSpPr txBox="1">
          <a:spLocks noChangeArrowheads="1"/>
        </xdr:cNvSpPr>
      </xdr:nvSpPr>
      <xdr:spPr bwMode="auto">
        <a:xfrm>
          <a:off x="19386969" y="7284334"/>
          <a:ext cx="230236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317261</xdr:colOff>
      <xdr:row>17</xdr:row>
      <xdr:rowOff>148888</xdr:rowOff>
    </xdr:from>
    <xdr:to>
      <xdr:col>27</xdr:col>
      <xdr:colOff>567454</xdr:colOff>
      <xdr:row>18</xdr:row>
      <xdr:rowOff>56373</xdr:rowOff>
    </xdr:to>
    <xdr:sp macro="" textlink="">
      <xdr:nvSpPr>
        <xdr:cNvPr id="143" name="Text Box 181"/>
        <xdr:cNvSpPr txBox="1">
          <a:spLocks noChangeArrowheads="1"/>
        </xdr:cNvSpPr>
      </xdr:nvSpPr>
      <xdr:spPr bwMode="auto">
        <a:xfrm>
          <a:off x="19703811" y="6232188"/>
          <a:ext cx="250193" cy="21863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77387</xdr:colOff>
      <xdr:row>11</xdr:row>
      <xdr:rowOff>284302</xdr:rowOff>
    </xdr:from>
    <xdr:to>
      <xdr:col>23</xdr:col>
      <xdr:colOff>366072</xdr:colOff>
      <xdr:row>12</xdr:row>
      <xdr:rowOff>135625</xdr:rowOff>
    </xdr:to>
    <xdr:sp macro="" textlink="">
      <xdr:nvSpPr>
        <xdr:cNvPr id="144" name="Text Box 182"/>
        <xdr:cNvSpPr txBox="1">
          <a:spLocks noChangeArrowheads="1"/>
        </xdr:cNvSpPr>
      </xdr:nvSpPr>
      <xdr:spPr bwMode="auto">
        <a:xfrm>
          <a:off x="16949337" y="4500702"/>
          <a:ext cx="288685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372235</xdr:colOff>
      <xdr:row>14</xdr:row>
      <xdr:rowOff>298059</xdr:rowOff>
    </xdr:from>
    <xdr:to>
      <xdr:col>26</xdr:col>
      <xdr:colOff>30277</xdr:colOff>
      <xdr:row>15</xdr:row>
      <xdr:rowOff>254323</xdr:rowOff>
    </xdr:to>
    <xdr:sp macro="" textlink="">
      <xdr:nvSpPr>
        <xdr:cNvPr id="145" name="Text Box 183"/>
        <xdr:cNvSpPr txBox="1">
          <a:spLocks noChangeArrowheads="1"/>
        </xdr:cNvSpPr>
      </xdr:nvSpPr>
      <xdr:spPr bwMode="auto">
        <a:xfrm>
          <a:off x="17872835" y="5447909"/>
          <a:ext cx="915342" cy="26741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逗子市・葉山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17208</xdr:colOff>
      <xdr:row>15</xdr:row>
      <xdr:rowOff>210118</xdr:rowOff>
    </xdr:from>
    <xdr:to>
      <xdr:col>25</xdr:col>
      <xdr:colOff>489578</xdr:colOff>
      <xdr:row>16</xdr:row>
      <xdr:rowOff>59347</xdr:rowOff>
    </xdr:to>
    <xdr:sp macro="" textlink="">
      <xdr:nvSpPr>
        <xdr:cNvPr id="146" name="Text Box 184"/>
        <xdr:cNvSpPr txBox="1">
          <a:spLocks noChangeArrowheads="1"/>
        </xdr:cNvSpPr>
      </xdr:nvSpPr>
      <xdr:spPr bwMode="auto">
        <a:xfrm>
          <a:off x="18346458" y="5671118"/>
          <a:ext cx="272370" cy="1603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12598</xdr:colOff>
      <xdr:row>17</xdr:row>
      <xdr:rowOff>266698</xdr:rowOff>
    </xdr:from>
    <xdr:to>
      <xdr:col>18</xdr:col>
      <xdr:colOff>472414</xdr:colOff>
      <xdr:row>18</xdr:row>
      <xdr:rowOff>108771</xdr:rowOff>
    </xdr:to>
    <xdr:sp macro="" textlink="">
      <xdr:nvSpPr>
        <xdr:cNvPr id="147" name="Text Box 186"/>
        <xdr:cNvSpPr txBox="1">
          <a:spLocks noChangeArrowheads="1"/>
        </xdr:cNvSpPr>
      </xdr:nvSpPr>
      <xdr:spPr bwMode="auto">
        <a:xfrm>
          <a:off x="13725398" y="6349998"/>
          <a:ext cx="259816" cy="1532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76628</xdr:colOff>
      <xdr:row>10</xdr:row>
      <xdr:rowOff>76155</xdr:rowOff>
    </xdr:from>
    <xdr:to>
      <xdr:col>18</xdr:col>
      <xdr:colOff>815506</xdr:colOff>
      <xdr:row>10</xdr:row>
      <xdr:rowOff>286212</xdr:rowOff>
    </xdr:to>
    <xdr:sp macro="" textlink="">
      <xdr:nvSpPr>
        <xdr:cNvPr id="148" name="Text Box 187"/>
        <xdr:cNvSpPr txBox="1">
          <a:spLocks noChangeArrowheads="1"/>
        </xdr:cNvSpPr>
      </xdr:nvSpPr>
      <xdr:spPr bwMode="auto">
        <a:xfrm>
          <a:off x="13789428" y="3981405"/>
          <a:ext cx="538878" cy="21005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足柄上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</xdr:txBody>
    </xdr:sp>
    <xdr:clientData/>
  </xdr:twoCellAnchor>
  <xdr:twoCellAnchor>
    <xdr:from>
      <xdr:col>18</xdr:col>
      <xdr:colOff>401724</xdr:colOff>
      <xdr:row>10</xdr:row>
      <xdr:rowOff>276548</xdr:rowOff>
    </xdr:from>
    <xdr:to>
      <xdr:col>18</xdr:col>
      <xdr:colOff>661540</xdr:colOff>
      <xdr:row>11</xdr:row>
      <xdr:rowOff>216036</xdr:rowOff>
    </xdr:to>
    <xdr:sp macro="" textlink="">
      <xdr:nvSpPr>
        <xdr:cNvPr id="149" name="Text Box 188"/>
        <xdr:cNvSpPr txBox="1">
          <a:spLocks noChangeArrowheads="1"/>
        </xdr:cNvSpPr>
      </xdr:nvSpPr>
      <xdr:spPr bwMode="auto">
        <a:xfrm>
          <a:off x="13914524" y="4181798"/>
          <a:ext cx="259816" cy="25063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60819</xdr:colOff>
      <xdr:row>19</xdr:row>
      <xdr:rowOff>42089</xdr:rowOff>
    </xdr:from>
    <xdr:to>
      <xdr:col>27</xdr:col>
      <xdr:colOff>182541</xdr:colOff>
      <xdr:row>21</xdr:row>
      <xdr:rowOff>12603</xdr:rowOff>
    </xdr:to>
    <xdr:sp macro="" textlink="">
      <xdr:nvSpPr>
        <xdr:cNvPr id="150" name="Text Box 193"/>
        <xdr:cNvSpPr txBox="1">
          <a:spLocks noChangeArrowheads="1"/>
        </xdr:cNvSpPr>
      </xdr:nvSpPr>
      <xdr:spPr bwMode="auto">
        <a:xfrm>
          <a:off x="19386969" y="6747689"/>
          <a:ext cx="182122" cy="592814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三浦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178775</xdr:colOff>
      <xdr:row>13</xdr:row>
      <xdr:rowOff>91891</xdr:rowOff>
    </xdr:from>
    <xdr:to>
      <xdr:col>21</xdr:col>
      <xdr:colOff>592556</xdr:colOff>
      <xdr:row>13</xdr:row>
      <xdr:rowOff>283809</xdr:rowOff>
    </xdr:to>
    <xdr:sp macro="" textlink="">
      <xdr:nvSpPr>
        <xdr:cNvPr id="151" name="Text Box 194"/>
        <xdr:cNvSpPr txBox="1">
          <a:spLocks noChangeArrowheads="1"/>
        </xdr:cNvSpPr>
      </xdr:nvSpPr>
      <xdr:spPr bwMode="auto">
        <a:xfrm>
          <a:off x="15793425" y="4930591"/>
          <a:ext cx="413781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ts val="11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32740</xdr:colOff>
      <xdr:row>13</xdr:row>
      <xdr:rowOff>235489</xdr:rowOff>
    </xdr:from>
    <xdr:to>
      <xdr:col>21</xdr:col>
      <xdr:colOff>615982</xdr:colOff>
      <xdr:row>13</xdr:row>
      <xdr:rowOff>293473</xdr:rowOff>
    </xdr:to>
    <xdr:sp macro="" textlink="">
      <xdr:nvSpPr>
        <xdr:cNvPr id="152" name="Text Box 195"/>
        <xdr:cNvSpPr txBox="1">
          <a:spLocks noChangeArrowheads="1"/>
        </xdr:cNvSpPr>
      </xdr:nvSpPr>
      <xdr:spPr bwMode="auto">
        <a:xfrm>
          <a:off x="15947390" y="5074189"/>
          <a:ext cx="283242" cy="5798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610126</xdr:colOff>
      <xdr:row>8</xdr:row>
      <xdr:rowOff>146277</xdr:rowOff>
    </xdr:from>
    <xdr:to>
      <xdr:col>28</xdr:col>
      <xdr:colOff>228075</xdr:colOff>
      <xdr:row>10</xdr:row>
      <xdr:rowOff>174775</xdr:rowOff>
    </xdr:to>
    <xdr:sp macro="" textlink="">
      <xdr:nvSpPr>
        <xdr:cNvPr id="153" name="Text Box 197"/>
        <xdr:cNvSpPr txBox="1">
          <a:spLocks noChangeArrowheads="1"/>
        </xdr:cNvSpPr>
      </xdr:nvSpPr>
      <xdr:spPr bwMode="auto">
        <a:xfrm>
          <a:off x="19996676" y="3429227"/>
          <a:ext cx="246599" cy="65079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36576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横浜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30655</xdr:colOff>
      <xdr:row>2</xdr:row>
      <xdr:rowOff>628393</xdr:rowOff>
    </xdr:from>
    <xdr:to>
      <xdr:col>28</xdr:col>
      <xdr:colOff>391663</xdr:colOff>
      <xdr:row>3</xdr:row>
      <xdr:rowOff>136567</xdr:rowOff>
    </xdr:to>
    <xdr:sp macro="" textlink="">
      <xdr:nvSpPr>
        <xdr:cNvPr id="154" name="Text Box 198"/>
        <xdr:cNvSpPr txBox="1">
          <a:spLocks noChangeArrowheads="1"/>
        </xdr:cNvSpPr>
      </xdr:nvSpPr>
      <xdr:spPr bwMode="auto">
        <a:xfrm>
          <a:off x="19617205" y="1206243"/>
          <a:ext cx="789658" cy="23842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36576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川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17484</xdr:colOff>
      <xdr:row>12</xdr:row>
      <xdr:rowOff>280865</xdr:rowOff>
    </xdr:from>
    <xdr:to>
      <xdr:col>19</xdr:col>
      <xdr:colOff>319563</xdr:colOff>
      <xdr:row>13</xdr:row>
      <xdr:rowOff>180508</xdr:rowOff>
    </xdr:to>
    <xdr:sp macro="" textlink="">
      <xdr:nvSpPr>
        <xdr:cNvPr id="155" name="Text Box 199"/>
        <xdr:cNvSpPr txBox="1">
          <a:spLocks noChangeArrowheads="1"/>
        </xdr:cNvSpPr>
      </xdr:nvSpPr>
      <xdr:spPr bwMode="auto">
        <a:xfrm>
          <a:off x="14474834" y="4808415"/>
          <a:ext cx="202079" cy="210793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成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76608</xdr:colOff>
      <xdr:row>13</xdr:row>
      <xdr:rowOff>65236</xdr:rowOff>
    </xdr:from>
    <xdr:to>
      <xdr:col>19</xdr:col>
      <xdr:colOff>388310</xdr:colOff>
      <xdr:row>13</xdr:row>
      <xdr:rowOff>257154</xdr:rowOff>
    </xdr:to>
    <xdr:sp macro="" textlink="">
      <xdr:nvSpPr>
        <xdr:cNvPr id="156" name="Text Box 200"/>
        <xdr:cNvSpPr txBox="1">
          <a:spLocks noChangeArrowheads="1"/>
        </xdr:cNvSpPr>
      </xdr:nvSpPr>
      <xdr:spPr bwMode="auto">
        <a:xfrm>
          <a:off x="14533958" y="4903936"/>
          <a:ext cx="211702" cy="19191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78381</xdr:colOff>
      <xdr:row>19</xdr:row>
      <xdr:rowOff>243852</xdr:rowOff>
    </xdr:from>
    <xdr:to>
      <xdr:col>19</xdr:col>
      <xdr:colOff>261215</xdr:colOff>
      <xdr:row>20</xdr:row>
      <xdr:rowOff>125671</xdr:rowOff>
    </xdr:to>
    <xdr:sp macro="" textlink="">
      <xdr:nvSpPr>
        <xdr:cNvPr id="157" name="Text Box 201"/>
        <xdr:cNvSpPr txBox="1">
          <a:spLocks noChangeArrowheads="1"/>
        </xdr:cNvSpPr>
      </xdr:nvSpPr>
      <xdr:spPr bwMode="auto">
        <a:xfrm>
          <a:off x="14435731" y="6949452"/>
          <a:ext cx="182834" cy="192969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真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85638</xdr:colOff>
      <xdr:row>19</xdr:row>
      <xdr:rowOff>299976</xdr:rowOff>
    </xdr:from>
    <xdr:to>
      <xdr:col>19</xdr:col>
      <xdr:colOff>395527</xdr:colOff>
      <xdr:row>21</xdr:row>
      <xdr:rowOff>136556</xdr:rowOff>
    </xdr:to>
    <xdr:sp macro="" textlink="">
      <xdr:nvSpPr>
        <xdr:cNvPr id="158" name="Text Box 202"/>
        <xdr:cNvSpPr txBox="1">
          <a:spLocks noChangeArrowheads="1"/>
        </xdr:cNvSpPr>
      </xdr:nvSpPr>
      <xdr:spPr bwMode="auto">
        <a:xfrm>
          <a:off x="14542988" y="7005576"/>
          <a:ext cx="209889" cy="45888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鶴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89254</xdr:colOff>
      <xdr:row>20</xdr:row>
      <xdr:rowOff>108306</xdr:rowOff>
    </xdr:from>
    <xdr:to>
      <xdr:col>19</xdr:col>
      <xdr:colOff>391333</xdr:colOff>
      <xdr:row>21</xdr:row>
      <xdr:rowOff>256490</xdr:rowOff>
    </xdr:to>
    <xdr:sp macro="" textlink="">
      <xdr:nvSpPr>
        <xdr:cNvPr id="159" name="Text Box 203"/>
        <xdr:cNvSpPr txBox="1">
          <a:spLocks noChangeArrowheads="1"/>
        </xdr:cNvSpPr>
      </xdr:nvSpPr>
      <xdr:spPr bwMode="auto">
        <a:xfrm>
          <a:off x="14546604" y="7125056"/>
          <a:ext cx="202079" cy="459334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546391</xdr:colOff>
      <xdr:row>1</xdr:row>
      <xdr:rowOff>56452</xdr:rowOff>
    </xdr:from>
    <xdr:to>
      <xdr:col>24</xdr:col>
      <xdr:colOff>244672</xdr:colOff>
      <xdr:row>7</xdr:row>
      <xdr:rowOff>37789</xdr:rowOff>
    </xdr:to>
    <xdr:sp macro="" textlink="">
      <xdr:nvSpPr>
        <xdr:cNvPr id="160" name="d14209"/>
        <xdr:cNvSpPr>
          <a:spLocks/>
        </xdr:cNvSpPr>
      </xdr:nvSpPr>
      <xdr:spPr bwMode="auto">
        <a:xfrm>
          <a:off x="14059191" y="348552"/>
          <a:ext cx="3686081" cy="2661037"/>
        </a:xfrm>
        <a:custGeom>
          <a:avLst/>
          <a:gdLst>
            <a:gd name="T0" fmla="*/ 5516630 w 465"/>
            <a:gd name="T1" fmla="*/ 315317047 h 286"/>
            <a:gd name="T2" fmla="*/ 5516630 w 465"/>
            <a:gd name="T3" fmla="*/ 315317047 h 286"/>
            <a:gd name="T4" fmla="*/ 5516630 w 465"/>
            <a:gd name="T5" fmla="*/ 315317047 h 286"/>
            <a:gd name="T6" fmla="*/ 5516630 w 465"/>
            <a:gd name="T7" fmla="*/ 315317047 h 286"/>
            <a:gd name="T8" fmla="*/ 5516630 w 465"/>
            <a:gd name="T9" fmla="*/ 315317047 h 286"/>
            <a:gd name="T10" fmla="*/ 5516630 w 465"/>
            <a:gd name="T11" fmla="*/ 315317047 h 286"/>
            <a:gd name="T12" fmla="*/ 5516630 w 465"/>
            <a:gd name="T13" fmla="*/ 315317047 h 286"/>
            <a:gd name="T14" fmla="*/ 5516630 w 465"/>
            <a:gd name="T15" fmla="*/ 315317047 h 286"/>
            <a:gd name="T16" fmla="*/ 5516630 w 465"/>
            <a:gd name="T17" fmla="*/ 315317047 h 286"/>
            <a:gd name="T18" fmla="*/ 5516630 w 465"/>
            <a:gd name="T19" fmla="*/ 315317047 h 286"/>
            <a:gd name="T20" fmla="*/ 5516630 w 465"/>
            <a:gd name="T21" fmla="*/ 315317047 h 286"/>
            <a:gd name="T22" fmla="*/ 5516630 w 465"/>
            <a:gd name="T23" fmla="*/ 315317047 h 286"/>
            <a:gd name="T24" fmla="*/ 5516630 w 465"/>
            <a:gd name="T25" fmla="*/ 315317047 h 286"/>
            <a:gd name="T26" fmla="*/ 5516630 w 465"/>
            <a:gd name="T27" fmla="*/ 315317047 h 286"/>
            <a:gd name="T28" fmla="*/ 5516630 w 465"/>
            <a:gd name="T29" fmla="*/ 315317047 h 286"/>
            <a:gd name="T30" fmla="*/ 5516630 w 465"/>
            <a:gd name="T31" fmla="*/ 315317047 h 286"/>
            <a:gd name="T32" fmla="*/ 5516630 w 465"/>
            <a:gd name="T33" fmla="*/ 315317047 h 286"/>
            <a:gd name="T34" fmla="*/ 5516630 w 465"/>
            <a:gd name="T35" fmla="*/ 315317047 h 286"/>
            <a:gd name="T36" fmla="*/ 5516630 w 465"/>
            <a:gd name="T37" fmla="*/ 315317047 h 286"/>
            <a:gd name="T38" fmla="*/ 5516630 w 465"/>
            <a:gd name="T39" fmla="*/ 315317047 h 286"/>
            <a:gd name="T40" fmla="*/ 5516630 w 465"/>
            <a:gd name="T41" fmla="*/ 315317047 h 286"/>
            <a:gd name="T42" fmla="*/ 5516630 w 465"/>
            <a:gd name="T43" fmla="*/ 315317047 h 286"/>
            <a:gd name="T44" fmla="*/ 5516630 w 465"/>
            <a:gd name="T45" fmla="*/ 315317047 h 286"/>
            <a:gd name="T46" fmla="*/ 5516630 w 465"/>
            <a:gd name="T47" fmla="*/ 315317047 h 286"/>
            <a:gd name="T48" fmla="*/ 5516630 w 465"/>
            <a:gd name="T49" fmla="*/ 315317047 h 286"/>
            <a:gd name="T50" fmla="*/ 5516630 w 465"/>
            <a:gd name="T51" fmla="*/ 315317047 h 286"/>
            <a:gd name="T52" fmla="*/ 5516630 w 465"/>
            <a:gd name="T53" fmla="*/ 315317047 h 286"/>
            <a:gd name="T54" fmla="*/ 5516630 w 465"/>
            <a:gd name="T55" fmla="*/ 315317047 h 286"/>
            <a:gd name="T56" fmla="*/ 5516630 w 465"/>
            <a:gd name="T57" fmla="*/ 315317047 h 286"/>
            <a:gd name="T58" fmla="*/ 5516630 w 465"/>
            <a:gd name="T59" fmla="*/ 315317047 h 286"/>
            <a:gd name="T60" fmla="*/ 5516630 w 465"/>
            <a:gd name="T61" fmla="*/ 315317047 h 286"/>
            <a:gd name="T62" fmla="*/ 5516630 w 465"/>
            <a:gd name="T63" fmla="*/ 315317047 h 286"/>
            <a:gd name="T64" fmla="*/ 5516630 w 465"/>
            <a:gd name="T65" fmla="*/ 315317047 h 286"/>
            <a:gd name="T66" fmla="*/ 5516630 w 465"/>
            <a:gd name="T67" fmla="*/ 315317047 h 286"/>
            <a:gd name="T68" fmla="*/ 5516630 w 465"/>
            <a:gd name="T69" fmla="*/ 315317047 h 286"/>
            <a:gd name="T70" fmla="*/ 5516630 w 465"/>
            <a:gd name="T71" fmla="*/ 315317047 h 286"/>
            <a:gd name="T72" fmla="*/ 5516630 w 465"/>
            <a:gd name="T73" fmla="*/ 315317047 h 286"/>
            <a:gd name="T74" fmla="*/ 5516630 w 465"/>
            <a:gd name="T75" fmla="*/ 315317047 h 286"/>
            <a:gd name="T76" fmla="*/ 5516630 w 465"/>
            <a:gd name="T77" fmla="*/ 315317047 h 286"/>
            <a:gd name="T78" fmla="*/ 5516630 w 465"/>
            <a:gd name="T79" fmla="*/ 315317047 h 286"/>
            <a:gd name="T80" fmla="*/ 5516630 w 465"/>
            <a:gd name="T81" fmla="*/ 315317047 h 286"/>
            <a:gd name="T82" fmla="*/ 5516630 w 465"/>
            <a:gd name="T83" fmla="*/ 315317047 h 286"/>
            <a:gd name="T84" fmla="*/ 5516630 w 465"/>
            <a:gd name="T85" fmla="*/ 315317047 h 286"/>
            <a:gd name="T86" fmla="*/ 5516630 w 465"/>
            <a:gd name="T87" fmla="*/ 315317047 h 286"/>
            <a:gd name="T88" fmla="*/ 5516630 w 465"/>
            <a:gd name="T89" fmla="*/ 315317047 h 286"/>
            <a:gd name="T90" fmla="*/ 5516630 w 465"/>
            <a:gd name="T91" fmla="*/ 315317047 h 286"/>
            <a:gd name="T92" fmla="*/ 5516630 w 465"/>
            <a:gd name="T93" fmla="*/ 315317047 h 286"/>
            <a:gd name="T94" fmla="*/ 5516630 w 465"/>
            <a:gd name="T95" fmla="*/ 315317047 h 286"/>
            <a:gd name="T96" fmla="*/ 5516630 w 465"/>
            <a:gd name="T97" fmla="*/ 315317047 h 286"/>
            <a:gd name="T98" fmla="*/ 5516630 w 465"/>
            <a:gd name="T99" fmla="*/ 315317047 h 286"/>
            <a:gd name="T100" fmla="*/ 5516630 w 465"/>
            <a:gd name="T101" fmla="*/ 315317047 h 286"/>
            <a:gd name="T102" fmla="*/ 5516630 w 465"/>
            <a:gd name="T103" fmla="*/ 315317047 h 28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w 465"/>
            <a:gd name="T157" fmla="*/ 0 h 286"/>
            <a:gd name="T158" fmla="*/ 465 w 465"/>
            <a:gd name="T159" fmla="*/ 286 h 286"/>
          </a:gdLst>
          <a:ahLst/>
          <a:cxnLst>
            <a:cxn ang="T104">
              <a:pos x="T0" y="T1"/>
            </a:cxn>
            <a:cxn ang="T105">
              <a:pos x="T2" y="T3"/>
            </a:cxn>
            <a:cxn ang="T106">
              <a:pos x="T4" y="T5"/>
            </a:cxn>
            <a:cxn ang="T107">
              <a:pos x="T6" y="T7"/>
            </a:cxn>
            <a:cxn ang="T108">
              <a:pos x="T8" y="T9"/>
            </a:cxn>
            <a:cxn ang="T109">
              <a:pos x="T10" y="T11"/>
            </a:cxn>
            <a:cxn ang="T110">
              <a:pos x="T12" y="T13"/>
            </a:cxn>
            <a:cxn ang="T111">
              <a:pos x="T14" y="T15"/>
            </a:cxn>
            <a:cxn ang="T112">
              <a:pos x="T16" y="T17"/>
            </a:cxn>
            <a:cxn ang="T113">
              <a:pos x="T18" y="T19"/>
            </a:cxn>
            <a:cxn ang="T114">
              <a:pos x="T20" y="T21"/>
            </a:cxn>
            <a:cxn ang="T115">
              <a:pos x="T22" y="T23"/>
            </a:cxn>
            <a:cxn ang="T116">
              <a:pos x="T24" y="T25"/>
            </a:cxn>
            <a:cxn ang="T117">
              <a:pos x="T26" y="T27"/>
            </a:cxn>
            <a:cxn ang="T118">
              <a:pos x="T28" y="T29"/>
            </a:cxn>
            <a:cxn ang="T119">
              <a:pos x="T30" y="T31"/>
            </a:cxn>
            <a:cxn ang="T120">
              <a:pos x="T32" y="T33"/>
            </a:cxn>
            <a:cxn ang="T121">
              <a:pos x="T34" y="T35"/>
            </a:cxn>
            <a:cxn ang="T122">
              <a:pos x="T36" y="T37"/>
            </a:cxn>
            <a:cxn ang="T123">
              <a:pos x="T38" y="T39"/>
            </a:cxn>
            <a:cxn ang="T124">
              <a:pos x="T40" y="T41"/>
            </a:cxn>
            <a:cxn ang="T125">
              <a:pos x="T42" y="T43"/>
            </a:cxn>
            <a:cxn ang="T126">
              <a:pos x="T44" y="T45"/>
            </a:cxn>
            <a:cxn ang="T127">
              <a:pos x="T46" y="T47"/>
            </a:cxn>
            <a:cxn ang="T128">
              <a:pos x="T48" y="T49"/>
            </a:cxn>
            <a:cxn ang="T129">
              <a:pos x="T50" y="T51"/>
            </a:cxn>
            <a:cxn ang="T130">
              <a:pos x="T52" y="T53"/>
            </a:cxn>
            <a:cxn ang="T131">
              <a:pos x="T54" y="T55"/>
            </a:cxn>
            <a:cxn ang="T132">
              <a:pos x="T56" y="T57"/>
            </a:cxn>
            <a:cxn ang="T133">
              <a:pos x="T58" y="T59"/>
            </a:cxn>
            <a:cxn ang="T134">
              <a:pos x="T60" y="T61"/>
            </a:cxn>
            <a:cxn ang="T135">
              <a:pos x="T62" y="T63"/>
            </a:cxn>
            <a:cxn ang="T136">
              <a:pos x="T64" y="T65"/>
            </a:cxn>
            <a:cxn ang="T137">
              <a:pos x="T66" y="T67"/>
            </a:cxn>
            <a:cxn ang="T138">
              <a:pos x="T68" y="T69"/>
            </a:cxn>
            <a:cxn ang="T139">
              <a:pos x="T70" y="T71"/>
            </a:cxn>
            <a:cxn ang="T140">
              <a:pos x="T72" y="T73"/>
            </a:cxn>
            <a:cxn ang="T141">
              <a:pos x="T74" y="T75"/>
            </a:cxn>
            <a:cxn ang="T142">
              <a:pos x="T76" y="T77"/>
            </a:cxn>
            <a:cxn ang="T143">
              <a:pos x="T78" y="T79"/>
            </a:cxn>
            <a:cxn ang="T144">
              <a:pos x="T80" y="T81"/>
            </a:cxn>
            <a:cxn ang="T145">
              <a:pos x="T82" y="T83"/>
            </a:cxn>
            <a:cxn ang="T146">
              <a:pos x="T84" y="T85"/>
            </a:cxn>
            <a:cxn ang="T147">
              <a:pos x="T86" y="T87"/>
            </a:cxn>
            <a:cxn ang="T148">
              <a:pos x="T88" y="T89"/>
            </a:cxn>
            <a:cxn ang="T149">
              <a:pos x="T90" y="T91"/>
            </a:cxn>
            <a:cxn ang="T150">
              <a:pos x="T92" y="T93"/>
            </a:cxn>
            <a:cxn ang="T151">
              <a:pos x="T94" y="T95"/>
            </a:cxn>
            <a:cxn ang="T152">
              <a:pos x="T96" y="T97"/>
            </a:cxn>
            <a:cxn ang="T153">
              <a:pos x="T98" y="T99"/>
            </a:cxn>
            <a:cxn ang="T154">
              <a:pos x="T100" y="T101"/>
            </a:cxn>
            <a:cxn ang="T155">
              <a:pos x="T102" y="T103"/>
            </a:cxn>
          </a:cxnLst>
          <a:rect l="T156" t="T157" r="T158" b="T159"/>
          <a:pathLst>
            <a:path w="465" h="286">
              <a:moveTo>
                <a:pt x="464" y="223"/>
              </a:moveTo>
              <a:lnTo>
                <a:pt x="462" y="222"/>
              </a:lnTo>
              <a:lnTo>
                <a:pt x="462" y="218"/>
              </a:lnTo>
              <a:lnTo>
                <a:pt x="465" y="215"/>
              </a:lnTo>
              <a:lnTo>
                <a:pt x="465" y="210"/>
              </a:lnTo>
              <a:lnTo>
                <a:pt x="456" y="201"/>
              </a:lnTo>
              <a:lnTo>
                <a:pt x="452" y="194"/>
              </a:lnTo>
              <a:lnTo>
                <a:pt x="444" y="189"/>
              </a:lnTo>
              <a:lnTo>
                <a:pt x="434" y="182"/>
              </a:lnTo>
              <a:lnTo>
                <a:pt x="431" y="176"/>
              </a:lnTo>
              <a:lnTo>
                <a:pt x="426" y="173"/>
              </a:lnTo>
              <a:lnTo>
                <a:pt x="425" y="167"/>
              </a:lnTo>
              <a:lnTo>
                <a:pt x="416" y="162"/>
              </a:lnTo>
              <a:lnTo>
                <a:pt x="415" y="157"/>
              </a:lnTo>
              <a:lnTo>
                <a:pt x="412" y="154"/>
              </a:lnTo>
              <a:lnTo>
                <a:pt x="410" y="149"/>
              </a:lnTo>
              <a:lnTo>
                <a:pt x="405" y="143"/>
              </a:lnTo>
              <a:lnTo>
                <a:pt x="401" y="142"/>
              </a:lnTo>
              <a:lnTo>
                <a:pt x="396" y="132"/>
              </a:lnTo>
              <a:lnTo>
                <a:pt x="386" y="129"/>
              </a:lnTo>
              <a:lnTo>
                <a:pt x="383" y="124"/>
              </a:lnTo>
              <a:lnTo>
                <a:pt x="370" y="119"/>
              </a:lnTo>
              <a:lnTo>
                <a:pt x="369" y="115"/>
              </a:lnTo>
              <a:lnTo>
                <a:pt x="362" y="114"/>
              </a:lnTo>
              <a:lnTo>
                <a:pt x="355" y="109"/>
              </a:lnTo>
              <a:lnTo>
                <a:pt x="343" y="105"/>
              </a:lnTo>
              <a:lnTo>
                <a:pt x="338" y="104"/>
              </a:lnTo>
              <a:lnTo>
                <a:pt x="331" y="103"/>
              </a:lnTo>
              <a:lnTo>
                <a:pt x="322" y="98"/>
              </a:lnTo>
              <a:lnTo>
                <a:pt x="317" y="99"/>
              </a:lnTo>
              <a:lnTo>
                <a:pt x="311" y="99"/>
              </a:lnTo>
              <a:lnTo>
                <a:pt x="306" y="98"/>
              </a:lnTo>
              <a:lnTo>
                <a:pt x="300" y="97"/>
              </a:lnTo>
              <a:lnTo>
                <a:pt x="293" y="99"/>
              </a:lnTo>
              <a:lnTo>
                <a:pt x="288" y="98"/>
              </a:lnTo>
              <a:lnTo>
                <a:pt x="282" y="98"/>
              </a:lnTo>
              <a:lnTo>
                <a:pt x="278" y="95"/>
              </a:lnTo>
              <a:lnTo>
                <a:pt x="273" y="91"/>
              </a:lnTo>
              <a:lnTo>
                <a:pt x="260" y="86"/>
              </a:lnTo>
              <a:lnTo>
                <a:pt x="252" y="86"/>
              </a:lnTo>
              <a:lnTo>
                <a:pt x="247" y="85"/>
              </a:lnTo>
              <a:lnTo>
                <a:pt x="241" y="87"/>
              </a:lnTo>
              <a:lnTo>
                <a:pt x="239" y="93"/>
              </a:lnTo>
              <a:lnTo>
                <a:pt x="237" y="95"/>
              </a:lnTo>
              <a:lnTo>
                <a:pt x="237" y="99"/>
              </a:lnTo>
              <a:lnTo>
                <a:pt x="235" y="102"/>
              </a:lnTo>
              <a:lnTo>
                <a:pt x="228" y="101"/>
              </a:lnTo>
              <a:lnTo>
                <a:pt x="226" y="100"/>
              </a:lnTo>
              <a:lnTo>
                <a:pt x="220" y="102"/>
              </a:lnTo>
              <a:lnTo>
                <a:pt x="216" y="99"/>
              </a:lnTo>
              <a:lnTo>
                <a:pt x="211" y="99"/>
              </a:lnTo>
              <a:lnTo>
                <a:pt x="208" y="96"/>
              </a:lnTo>
              <a:lnTo>
                <a:pt x="205" y="97"/>
              </a:lnTo>
              <a:lnTo>
                <a:pt x="201" y="91"/>
              </a:lnTo>
              <a:lnTo>
                <a:pt x="198" y="89"/>
              </a:lnTo>
              <a:lnTo>
                <a:pt x="194" y="87"/>
              </a:lnTo>
              <a:lnTo>
                <a:pt x="194" y="84"/>
              </a:lnTo>
              <a:lnTo>
                <a:pt x="186" y="71"/>
              </a:lnTo>
              <a:lnTo>
                <a:pt x="182" y="70"/>
              </a:lnTo>
              <a:lnTo>
                <a:pt x="181" y="67"/>
              </a:lnTo>
              <a:lnTo>
                <a:pt x="182" y="62"/>
              </a:lnTo>
              <a:lnTo>
                <a:pt x="178" y="56"/>
              </a:lnTo>
              <a:lnTo>
                <a:pt x="176" y="50"/>
              </a:lnTo>
              <a:lnTo>
                <a:pt x="176" y="38"/>
              </a:lnTo>
              <a:lnTo>
                <a:pt x="171" y="34"/>
              </a:lnTo>
              <a:lnTo>
                <a:pt x="160" y="30"/>
              </a:lnTo>
              <a:lnTo>
                <a:pt x="153" y="30"/>
              </a:lnTo>
              <a:lnTo>
                <a:pt x="151" y="31"/>
              </a:lnTo>
              <a:lnTo>
                <a:pt x="146" y="37"/>
              </a:lnTo>
              <a:lnTo>
                <a:pt x="138" y="39"/>
              </a:lnTo>
              <a:lnTo>
                <a:pt x="132" y="39"/>
              </a:lnTo>
              <a:lnTo>
                <a:pt x="128" y="35"/>
              </a:lnTo>
              <a:lnTo>
                <a:pt x="125" y="31"/>
              </a:lnTo>
              <a:lnTo>
                <a:pt x="118" y="31"/>
              </a:lnTo>
              <a:lnTo>
                <a:pt x="119" y="24"/>
              </a:lnTo>
              <a:lnTo>
                <a:pt x="118" y="22"/>
              </a:lnTo>
              <a:lnTo>
                <a:pt x="118" y="17"/>
              </a:lnTo>
              <a:lnTo>
                <a:pt x="115" y="13"/>
              </a:lnTo>
              <a:lnTo>
                <a:pt x="114" y="10"/>
              </a:lnTo>
              <a:lnTo>
                <a:pt x="110" y="7"/>
              </a:lnTo>
              <a:lnTo>
                <a:pt x="105" y="9"/>
              </a:lnTo>
              <a:lnTo>
                <a:pt x="96" y="9"/>
              </a:lnTo>
              <a:lnTo>
                <a:pt x="92" y="7"/>
              </a:lnTo>
              <a:lnTo>
                <a:pt x="89" y="3"/>
              </a:lnTo>
              <a:lnTo>
                <a:pt x="85" y="3"/>
              </a:lnTo>
              <a:lnTo>
                <a:pt x="78" y="0"/>
              </a:lnTo>
              <a:lnTo>
                <a:pt x="75" y="1"/>
              </a:lnTo>
              <a:lnTo>
                <a:pt x="75" y="5"/>
              </a:lnTo>
              <a:lnTo>
                <a:pt x="74" y="7"/>
              </a:lnTo>
              <a:lnTo>
                <a:pt x="69" y="9"/>
              </a:lnTo>
              <a:lnTo>
                <a:pt x="66" y="14"/>
              </a:lnTo>
              <a:lnTo>
                <a:pt x="62" y="16"/>
              </a:lnTo>
              <a:lnTo>
                <a:pt x="61" y="21"/>
              </a:lnTo>
              <a:lnTo>
                <a:pt x="58" y="25"/>
              </a:lnTo>
              <a:lnTo>
                <a:pt x="64" y="36"/>
              </a:lnTo>
              <a:lnTo>
                <a:pt x="68" y="40"/>
              </a:lnTo>
              <a:lnTo>
                <a:pt x="69" y="47"/>
              </a:lnTo>
              <a:lnTo>
                <a:pt x="66" y="54"/>
              </a:lnTo>
              <a:lnTo>
                <a:pt x="66" y="63"/>
              </a:lnTo>
              <a:lnTo>
                <a:pt x="71" y="72"/>
              </a:lnTo>
              <a:lnTo>
                <a:pt x="70" y="76"/>
              </a:lnTo>
              <a:lnTo>
                <a:pt x="72" y="78"/>
              </a:lnTo>
              <a:lnTo>
                <a:pt x="76" y="80"/>
              </a:lnTo>
              <a:lnTo>
                <a:pt x="79" y="81"/>
              </a:lnTo>
              <a:lnTo>
                <a:pt x="80" y="82"/>
              </a:lnTo>
              <a:lnTo>
                <a:pt x="72" y="84"/>
              </a:lnTo>
              <a:lnTo>
                <a:pt x="72" y="86"/>
              </a:lnTo>
              <a:lnTo>
                <a:pt x="76" y="92"/>
              </a:lnTo>
              <a:lnTo>
                <a:pt x="77" y="97"/>
              </a:lnTo>
              <a:lnTo>
                <a:pt x="71" y="114"/>
              </a:lnTo>
              <a:lnTo>
                <a:pt x="67" y="115"/>
              </a:lnTo>
              <a:lnTo>
                <a:pt x="66" y="119"/>
              </a:lnTo>
              <a:lnTo>
                <a:pt x="63" y="125"/>
              </a:lnTo>
              <a:lnTo>
                <a:pt x="63" y="129"/>
              </a:lnTo>
              <a:lnTo>
                <a:pt x="68" y="129"/>
              </a:lnTo>
              <a:lnTo>
                <a:pt x="70" y="132"/>
              </a:lnTo>
              <a:lnTo>
                <a:pt x="71" y="135"/>
              </a:lnTo>
              <a:lnTo>
                <a:pt x="71" y="144"/>
              </a:lnTo>
              <a:lnTo>
                <a:pt x="73" y="155"/>
              </a:lnTo>
              <a:lnTo>
                <a:pt x="70" y="160"/>
              </a:lnTo>
              <a:lnTo>
                <a:pt x="62" y="169"/>
              </a:lnTo>
              <a:lnTo>
                <a:pt x="56" y="172"/>
              </a:lnTo>
              <a:lnTo>
                <a:pt x="54" y="178"/>
              </a:lnTo>
              <a:lnTo>
                <a:pt x="52" y="186"/>
              </a:lnTo>
              <a:lnTo>
                <a:pt x="52" y="193"/>
              </a:lnTo>
              <a:lnTo>
                <a:pt x="52" y="195"/>
              </a:lnTo>
              <a:lnTo>
                <a:pt x="51" y="198"/>
              </a:lnTo>
              <a:lnTo>
                <a:pt x="48" y="200"/>
              </a:lnTo>
              <a:lnTo>
                <a:pt x="48" y="202"/>
              </a:lnTo>
              <a:lnTo>
                <a:pt x="44" y="202"/>
              </a:lnTo>
              <a:lnTo>
                <a:pt x="41" y="210"/>
              </a:lnTo>
              <a:lnTo>
                <a:pt x="35" y="214"/>
              </a:lnTo>
              <a:lnTo>
                <a:pt x="31" y="216"/>
              </a:lnTo>
              <a:lnTo>
                <a:pt x="24" y="225"/>
              </a:lnTo>
              <a:lnTo>
                <a:pt x="17" y="232"/>
              </a:lnTo>
              <a:lnTo>
                <a:pt x="13" y="232"/>
              </a:lnTo>
              <a:lnTo>
                <a:pt x="8" y="234"/>
              </a:lnTo>
              <a:lnTo>
                <a:pt x="0" y="234"/>
              </a:lnTo>
              <a:lnTo>
                <a:pt x="2" y="238"/>
              </a:lnTo>
              <a:lnTo>
                <a:pt x="2" y="242"/>
              </a:lnTo>
              <a:lnTo>
                <a:pt x="1" y="244"/>
              </a:lnTo>
              <a:lnTo>
                <a:pt x="5" y="248"/>
              </a:lnTo>
              <a:lnTo>
                <a:pt x="6" y="254"/>
              </a:lnTo>
              <a:lnTo>
                <a:pt x="8" y="256"/>
              </a:lnTo>
              <a:lnTo>
                <a:pt x="22" y="260"/>
              </a:lnTo>
              <a:lnTo>
                <a:pt x="25" y="262"/>
              </a:lnTo>
              <a:lnTo>
                <a:pt x="28" y="267"/>
              </a:lnTo>
              <a:lnTo>
                <a:pt x="33" y="268"/>
              </a:lnTo>
              <a:lnTo>
                <a:pt x="35" y="271"/>
              </a:lnTo>
              <a:lnTo>
                <a:pt x="38" y="274"/>
              </a:lnTo>
              <a:lnTo>
                <a:pt x="40" y="280"/>
              </a:lnTo>
              <a:lnTo>
                <a:pt x="47" y="281"/>
              </a:lnTo>
              <a:lnTo>
                <a:pt x="60" y="285"/>
              </a:lnTo>
              <a:lnTo>
                <a:pt x="65" y="284"/>
              </a:lnTo>
              <a:lnTo>
                <a:pt x="69" y="280"/>
              </a:lnTo>
              <a:lnTo>
                <a:pt x="74" y="276"/>
              </a:lnTo>
              <a:lnTo>
                <a:pt x="80" y="270"/>
              </a:lnTo>
              <a:lnTo>
                <a:pt x="87" y="271"/>
              </a:lnTo>
              <a:lnTo>
                <a:pt x="92" y="274"/>
              </a:lnTo>
              <a:lnTo>
                <a:pt x="93" y="281"/>
              </a:lnTo>
              <a:lnTo>
                <a:pt x="98" y="284"/>
              </a:lnTo>
              <a:lnTo>
                <a:pt x="100" y="284"/>
              </a:lnTo>
              <a:lnTo>
                <a:pt x="105" y="282"/>
              </a:lnTo>
              <a:lnTo>
                <a:pt x="109" y="283"/>
              </a:lnTo>
              <a:lnTo>
                <a:pt x="112" y="286"/>
              </a:lnTo>
              <a:lnTo>
                <a:pt x="114" y="284"/>
              </a:lnTo>
              <a:lnTo>
                <a:pt x="114" y="282"/>
              </a:lnTo>
              <a:lnTo>
                <a:pt x="115" y="278"/>
              </a:lnTo>
              <a:lnTo>
                <a:pt x="119" y="273"/>
              </a:lnTo>
              <a:lnTo>
                <a:pt x="122" y="270"/>
              </a:lnTo>
              <a:lnTo>
                <a:pt x="131" y="259"/>
              </a:lnTo>
              <a:lnTo>
                <a:pt x="139" y="250"/>
              </a:lnTo>
              <a:lnTo>
                <a:pt x="143" y="245"/>
              </a:lnTo>
              <a:lnTo>
                <a:pt x="148" y="241"/>
              </a:lnTo>
              <a:lnTo>
                <a:pt x="149" y="241"/>
              </a:lnTo>
              <a:lnTo>
                <a:pt x="153" y="240"/>
              </a:lnTo>
              <a:lnTo>
                <a:pt x="154" y="239"/>
              </a:lnTo>
              <a:lnTo>
                <a:pt x="157" y="237"/>
              </a:lnTo>
              <a:lnTo>
                <a:pt x="159" y="234"/>
              </a:lnTo>
              <a:lnTo>
                <a:pt x="162" y="231"/>
              </a:lnTo>
              <a:lnTo>
                <a:pt x="165" y="229"/>
              </a:lnTo>
              <a:lnTo>
                <a:pt x="167" y="228"/>
              </a:lnTo>
              <a:lnTo>
                <a:pt x="171" y="223"/>
              </a:lnTo>
              <a:lnTo>
                <a:pt x="173" y="221"/>
              </a:lnTo>
              <a:lnTo>
                <a:pt x="177" y="218"/>
              </a:lnTo>
              <a:lnTo>
                <a:pt x="181" y="210"/>
              </a:lnTo>
              <a:lnTo>
                <a:pt x="184" y="209"/>
              </a:lnTo>
              <a:lnTo>
                <a:pt x="184" y="206"/>
              </a:lnTo>
              <a:lnTo>
                <a:pt x="181" y="203"/>
              </a:lnTo>
              <a:lnTo>
                <a:pt x="181" y="201"/>
              </a:lnTo>
              <a:lnTo>
                <a:pt x="189" y="194"/>
              </a:lnTo>
              <a:lnTo>
                <a:pt x="196" y="204"/>
              </a:lnTo>
              <a:lnTo>
                <a:pt x="197" y="202"/>
              </a:lnTo>
              <a:lnTo>
                <a:pt x="203" y="202"/>
              </a:lnTo>
              <a:lnTo>
                <a:pt x="203" y="198"/>
              </a:lnTo>
              <a:lnTo>
                <a:pt x="206" y="198"/>
              </a:lnTo>
              <a:lnTo>
                <a:pt x="206" y="193"/>
              </a:lnTo>
              <a:lnTo>
                <a:pt x="214" y="188"/>
              </a:lnTo>
              <a:lnTo>
                <a:pt x="215" y="185"/>
              </a:lnTo>
              <a:lnTo>
                <a:pt x="222" y="180"/>
              </a:lnTo>
              <a:lnTo>
                <a:pt x="223" y="180"/>
              </a:lnTo>
              <a:lnTo>
                <a:pt x="227" y="180"/>
              </a:lnTo>
              <a:lnTo>
                <a:pt x="231" y="179"/>
              </a:lnTo>
              <a:lnTo>
                <a:pt x="235" y="177"/>
              </a:lnTo>
              <a:lnTo>
                <a:pt x="237" y="179"/>
              </a:lnTo>
              <a:lnTo>
                <a:pt x="241" y="179"/>
              </a:lnTo>
              <a:lnTo>
                <a:pt x="241" y="181"/>
              </a:lnTo>
              <a:lnTo>
                <a:pt x="247" y="182"/>
              </a:lnTo>
              <a:lnTo>
                <a:pt x="249" y="184"/>
              </a:lnTo>
              <a:lnTo>
                <a:pt x="252" y="185"/>
              </a:lnTo>
              <a:lnTo>
                <a:pt x="252" y="177"/>
              </a:lnTo>
              <a:lnTo>
                <a:pt x="259" y="173"/>
              </a:lnTo>
              <a:lnTo>
                <a:pt x="259" y="170"/>
              </a:lnTo>
              <a:lnTo>
                <a:pt x="265" y="168"/>
              </a:lnTo>
              <a:lnTo>
                <a:pt x="269" y="170"/>
              </a:lnTo>
              <a:lnTo>
                <a:pt x="272" y="169"/>
              </a:lnTo>
              <a:lnTo>
                <a:pt x="273" y="171"/>
              </a:lnTo>
              <a:lnTo>
                <a:pt x="280" y="176"/>
              </a:lnTo>
              <a:lnTo>
                <a:pt x="282" y="181"/>
              </a:lnTo>
              <a:lnTo>
                <a:pt x="284" y="182"/>
              </a:lnTo>
              <a:lnTo>
                <a:pt x="287" y="187"/>
              </a:lnTo>
              <a:lnTo>
                <a:pt x="289" y="187"/>
              </a:lnTo>
              <a:lnTo>
                <a:pt x="292" y="190"/>
              </a:lnTo>
              <a:lnTo>
                <a:pt x="294" y="193"/>
              </a:lnTo>
              <a:lnTo>
                <a:pt x="297" y="196"/>
              </a:lnTo>
              <a:lnTo>
                <a:pt x="305" y="192"/>
              </a:lnTo>
              <a:lnTo>
                <a:pt x="307" y="192"/>
              </a:lnTo>
              <a:lnTo>
                <a:pt x="309" y="190"/>
              </a:lnTo>
              <a:lnTo>
                <a:pt x="317" y="194"/>
              </a:lnTo>
              <a:lnTo>
                <a:pt x="327" y="200"/>
              </a:lnTo>
              <a:lnTo>
                <a:pt x="336" y="207"/>
              </a:lnTo>
              <a:lnTo>
                <a:pt x="343" y="212"/>
              </a:lnTo>
              <a:lnTo>
                <a:pt x="346" y="215"/>
              </a:lnTo>
              <a:lnTo>
                <a:pt x="350" y="220"/>
              </a:lnTo>
              <a:lnTo>
                <a:pt x="357" y="221"/>
              </a:lnTo>
              <a:lnTo>
                <a:pt x="368" y="228"/>
              </a:lnTo>
              <a:lnTo>
                <a:pt x="369" y="235"/>
              </a:lnTo>
              <a:lnTo>
                <a:pt x="368" y="253"/>
              </a:lnTo>
              <a:lnTo>
                <a:pt x="366" y="262"/>
              </a:lnTo>
              <a:lnTo>
                <a:pt x="368" y="262"/>
              </a:lnTo>
              <a:lnTo>
                <a:pt x="374" y="263"/>
              </a:lnTo>
              <a:lnTo>
                <a:pt x="381" y="264"/>
              </a:lnTo>
              <a:lnTo>
                <a:pt x="386" y="260"/>
              </a:lnTo>
              <a:lnTo>
                <a:pt x="389" y="255"/>
              </a:lnTo>
              <a:lnTo>
                <a:pt x="395" y="254"/>
              </a:lnTo>
              <a:lnTo>
                <a:pt x="402" y="253"/>
              </a:lnTo>
              <a:lnTo>
                <a:pt x="406" y="247"/>
              </a:lnTo>
              <a:lnTo>
                <a:pt x="411" y="240"/>
              </a:lnTo>
              <a:lnTo>
                <a:pt x="417" y="234"/>
              </a:lnTo>
              <a:lnTo>
                <a:pt x="421" y="230"/>
              </a:lnTo>
              <a:lnTo>
                <a:pt x="426" y="232"/>
              </a:lnTo>
              <a:lnTo>
                <a:pt x="430" y="235"/>
              </a:lnTo>
              <a:lnTo>
                <a:pt x="430" y="239"/>
              </a:lnTo>
              <a:lnTo>
                <a:pt x="431" y="241"/>
              </a:lnTo>
              <a:lnTo>
                <a:pt x="433" y="239"/>
              </a:lnTo>
              <a:lnTo>
                <a:pt x="437" y="239"/>
              </a:lnTo>
              <a:lnTo>
                <a:pt x="442" y="238"/>
              </a:lnTo>
              <a:lnTo>
                <a:pt x="448" y="235"/>
              </a:lnTo>
              <a:lnTo>
                <a:pt x="451" y="230"/>
              </a:lnTo>
              <a:lnTo>
                <a:pt x="454" y="228"/>
              </a:lnTo>
              <a:lnTo>
                <a:pt x="458" y="226"/>
              </a:lnTo>
              <a:lnTo>
                <a:pt x="464" y="2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7</xdr:col>
      <xdr:colOff>529843</xdr:colOff>
      <xdr:row>15</xdr:row>
      <xdr:rowOff>4421</xdr:rowOff>
    </xdr:from>
    <xdr:to>
      <xdr:col>19</xdr:col>
      <xdr:colOff>155165</xdr:colOff>
      <xdr:row>19</xdr:row>
      <xdr:rowOff>291991</xdr:rowOff>
    </xdr:to>
    <xdr:sp macro="" textlink="">
      <xdr:nvSpPr>
        <xdr:cNvPr id="161" name="d14382"/>
        <xdr:cNvSpPr>
          <a:spLocks/>
        </xdr:cNvSpPr>
      </xdr:nvSpPr>
      <xdr:spPr bwMode="auto">
        <a:xfrm>
          <a:off x="13121893" y="5465421"/>
          <a:ext cx="1390622" cy="1532170"/>
        </a:xfrm>
        <a:custGeom>
          <a:avLst/>
          <a:gdLst>
            <a:gd name="T0" fmla="*/ 7544409 w 178"/>
            <a:gd name="T1" fmla="*/ 235851085 h 166"/>
            <a:gd name="T2" fmla="*/ 7544409 w 178"/>
            <a:gd name="T3" fmla="*/ 235851085 h 166"/>
            <a:gd name="T4" fmla="*/ 7544409 w 178"/>
            <a:gd name="T5" fmla="*/ 235851085 h 166"/>
            <a:gd name="T6" fmla="*/ 7544409 w 178"/>
            <a:gd name="T7" fmla="*/ 235851085 h 166"/>
            <a:gd name="T8" fmla="*/ 7544409 w 178"/>
            <a:gd name="T9" fmla="*/ 235851085 h 166"/>
            <a:gd name="T10" fmla="*/ 7544409 w 178"/>
            <a:gd name="T11" fmla="*/ 235851085 h 166"/>
            <a:gd name="T12" fmla="*/ 7544409 w 178"/>
            <a:gd name="T13" fmla="*/ 235851085 h 166"/>
            <a:gd name="T14" fmla="*/ 7544409 w 178"/>
            <a:gd name="T15" fmla="*/ 235851085 h 166"/>
            <a:gd name="T16" fmla="*/ 7544409 w 178"/>
            <a:gd name="T17" fmla="*/ 235851085 h 166"/>
            <a:gd name="T18" fmla="*/ 7544409 w 178"/>
            <a:gd name="T19" fmla="*/ 235851085 h 166"/>
            <a:gd name="T20" fmla="*/ 7544409 w 178"/>
            <a:gd name="T21" fmla="*/ 235851085 h 166"/>
            <a:gd name="T22" fmla="*/ 7544409 w 178"/>
            <a:gd name="T23" fmla="*/ 235851085 h 166"/>
            <a:gd name="T24" fmla="*/ 0 w 178"/>
            <a:gd name="T25" fmla="*/ 235851085 h 166"/>
            <a:gd name="T26" fmla="*/ 7544409 w 178"/>
            <a:gd name="T27" fmla="*/ 235851085 h 166"/>
            <a:gd name="T28" fmla="*/ 7544409 w 178"/>
            <a:gd name="T29" fmla="*/ 235851085 h 166"/>
            <a:gd name="T30" fmla="*/ 7544409 w 178"/>
            <a:gd name="T31" fmla="*/ 235851085 h 166"/>
            <a:gd name="T32" fmla="*/ 7544409 w 178"/>
            <a:gd name="T33" fmla="*/ 235851085 h 166"/>
            <a:gd name="T34" fmla="*/ 7544409 w 178"/>
            <a:gd name="T35" fmla="*/ 0 h 166"/>
            <a:gd name="T36" fmla="*/ 7544409 w 178"/>
            <a:gd name="T37" fmla="*/ 235851085 h 166"/>
            <a:gd name="T38" fmla="*/ 7544409 w 178"/>
            <a:gd name="T39" fmla="*/ 235851085 h 166"/>
            <a:gd name="T40" fmla="*/ 7544409 w 178"/>
            <a:gd name="T41" fmla="*/ 235851085 h 166"/>
            <a:gd name="T42" fmla="*/ 7544409 w 178"/>
            <a:gd name="T43" fmla="*/ 235851085 h 166"/>
            <a:gd name="T44" fmla="*/ 7544409 w 178"/>
            <a:gd name="T45" fmla="*/ 235851085 h 166"/>
            <a:gd name="T46" fmla="*/ 7544409 w 178"/>
            <a:gd name="T47" fmla="*/ 235851085 h 166"/>
            <a:gd name="T48" fmla="*/ 7544409 w 178"/>
            <a:gd name="T49" fmla="*/ 235851085 h 166"/>
            <a:gd name="T50" fmla="*/ 7544409 w 178"/>
            <a:gd name="T51" fmla="*/ 235851085 h 166"/>
            <a:gd name="T52" fmla="*/ 7544409 w 178"/>
            <a:gd name="T53" fmla="*/ 235851085 h 166"/>
            <a:gd name="T54" fmla="*/ 7544409 w 178"/>
            <a:gd name="T55" fmla="*/ 235851085 h 166"/>
            <a:gd name="T56" fmla="*/ 7544409 w 178"/>
            <a:gd name="T57" fmla="*/ 235851085 h 166"/>
            <a:gd name="T58" fmla="*/ 7544409 w 178"/>
            <a:gd name="T59" fmla="*/ 235851085 h 166"/>
            <a:gd name="T60" fmla="*/ 7544409 w 178"/>
            <a:gd name="T61" fmla="*/ 235851085 h 166"/>
            <a:gd name="T62" fmla="*/ 7544409 w 178"/>
            <a:gd name="T63" fmla="*/ 235851085 h 166"/>
            <a:gd name="T64" fmla="*/ 7544409 w 178"/>
            <a:gd name="T65" fmla="*/ 235851085 h 166"/>
            <a:gd name="T66" fmla="*/ 7544409 w 178"/>
            <a:gd name="T67" fmla="*/ 235851085 h 166"/>
            <a:gd name="T68" fmla="*/ 7544409 w 178"/>
            <a:gd name="T69" fmla="*/ 235851085 h 166"/>
            <a:gd name="T70" fmla="*/ 7544409 w 178"/>
            <a:gd name="T71" fmla="*/ 235851085 h 166"/>
            <a:gd name="T72" fmla="*/ 7544409 w 178"/>
            <a:gd name="T73" fmla="*/ 235851085 h 166"/>
            <a:gd name="T74" fmla="*/ 7544409 w 178"/>
            <a:gd name="T75" fmla="*/ 235851085 h 166"/>
            <a:gd name="T76" fmla="*/ 7544409 w 178"/>
            <a:gd name="T77" fmla="*/ 235851085 h 166"/>
            <a:gd name="T78" fmla="*/ 7544409 w 178"/>
            <a:gd name="T79" fmla="*/ 235851085 h 166"/>
            <a:gd name="T80" fmla="*/ 7544409 w 178"/>
            <a:gd name="T81" fmla="*/ 235851085 h 166"/>
            <a:gd name="T82" fmla="*/ 7544409 w 178"/>
            <a:gd name="T83" fmla="*/ 235851085 h 166"/>
            <a:gd name="T84" fmla="*/ 7544409 w 178"/>
            <a:gd name="T85" fmla="*/ 235851085 h 166"/>
            <a:gd name="T86" fmla="*/ 7544409 w 178"/>
            <a:gd name="T87" fmla="*/ 235851085 h 166"/>
            <a:gd name="T88" fmla="*/ 7544409 w 178"/>
            <a:gd name="T89" fmla="*/ 235851085 h 166"/>
            <a:gd name="T90" fmla="*/ 7544409 w 178"/>
            <a:gd name="T91" fmla="*/ 235851085 h 166"/>
            <a:gd name="T92" fmla="*/ 7544409 w 178"/>
            <a:gd name="T93" fmla="*/ 235851085 h 166"/>
            <a:gd name="T94" fmla="*/ 7544409 w 178"/>
            <a:gd name="T95" fmla="*/ 235851085 h 166"/>
            <a:gd name="T96" fmla="*/ 7544409 w 178"/>
            <a:gd name="T97" fmla="*/ 235851085 h 166"/>
            <a:gd name="T98" fmla="*/ 7544409 w 178"/>
            <a:gd name="T99" fmla="*/ 235851085 h 166"/>
            <a:gd name="T100" fmla="*/ 7544409 w 178"/>
            <a:gd name="T101" fmla="*/ 235851085 h 166"/>
            <a:gd name="T102" fmla="*/ 7544409 w 178"/>
            <a:gd name="T103" fmla="*/ 235851085 h 166"/>
            <a:gd name="T104" fmla="*/ 7544409 w 178"/>
            <a:gd name="T105" fmla="*/ 235851085 h 166"/>
            <a:gd name="T106" fmla="*/ 7544409 w 178"/>
            <a:gd name="T107" fmla="*/ 235851085 h 166"/>
            <a:gd name="T108" fmla="*/ 7544409 w 178"/>
            <a:gd name="T109" fmla="*/ 235851085 h 166"/>
            <a:gd name="T110" fmla="*/ 7544409 w 178"/>
            <a:gd name="T111" fmla="*/ 235851085 h 166"/>
            <a:gd name="T112" fmla="*/ 7544409 w 178"/>
            <a:gd name="T113" fmla="*/ 235851085 h 166"/>
            <a:gd name="T114" fmla="*/ 7544409 w 178"/>
            <a:gd name="T115" fmla="*/ 235851085 h 166"/>
            <a:gd name="T116" fmla="*/ 7544409 w 178"/>
            <a:gd name="T117" fmla="*/ 235851085 h 166"/>
            <a:gd name="T118" fmla="*/ 7544409 w 178"/>
            <a:gd name="T119" fmla="*/ 235851085 h 166"/>
            <a:gd name="T120" fmla="*/ 7544409 w 178"/>
            <a:gd name="T121" fmla="*/ 235851085 h 166"/>
            <a:gd name="T122" fmla="*/ 7544409 w 178"/>
            <a:gd name="T123" fmla="*/ 235851085 h 166"/>
            <a:gd name="T124" fmla="*/ 7544409 w 178"/>
            <a:gd name="T125" fmla="*/ 235851085 h 16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60000 65536"/>
            <a:gd name="T187" fmla="*/ 0 60000 65536"/>
            <a:gd name="T188" fmla="*/ 0 60000 65536"/>
            <a:gd name="T189" fmla="*/ 0 w 178"/>
            <a:gd name="T190" fmla="*/ 0 h 166"/>
            <a:gd name="T191" fmla="*/ 178 w 178"/>
            <a:gd name="T192" fmla="*/ 166 h 166"/>
          </a:gdLst>
          <a:ahLst/>
          <a:cxnLst>
            <a:cxn ang="T126">
              <a:pos x="T0" y="T1"/>
            </a:cxn>
            <a:cxn ang="T127">
              <a:pos x="T2" y="T3"/>
            </a:cxn>
            <a:cxn ang="T128">
              <a:pos x="T4" y="T5"/>
            </a:cxn>
            <a:cxn ang="T129">
              <a:pos x="T6" y="T7"/>
            </a:cxn>
            <a:cxn ang="T130">
              <a:pos x="T8" y="T9"/>
            </a:cxn>
            <a:cxn ang="T131">
              <a:pos x="T10" y="T11"/>
            </a:cxn>
            <a:cxn ang="T132">
              <a:pos x="T12" y="T13"/>
            </a:cxn>
            <a:cxn ang="T133">
              <a:pos x="T14" y="T15"/>
            </a:cxn>
            <a:cxn ang="T134">
              <a:pos x="T16" y="T17"/>
            </a:cxn>
            <a:cxn ang="T135">
              <a:pos x="T18" y="T19"/>
            </a:cxn>
            <a:cxn ang="T136">
              <a:pos x="T20" y="T21"/>
            </a:cxn>
            <a:cxn ang="T137">
              <a:pos x="T22" y="T23"/>
            </a:cxn>
            <a:cxn ang="T138">
              <a:pos x="T24" y="T25"/>
            </a:cxn>
            <a:cxn ang="T139">
              <a:pos x="T26" y="T27"/>
            </a:cxn>
            <a:cxn ang="T140">
              <a:pos x="T28" y="T29"/>
            </a:cxn>
            <a:cxn ang="T141">
              <a:pos x="T30" y="T31"/>
            </a:cxn>
            <a:cxn ang="T142">
              <a:pos x="T32" y="T33"/>
            </a:cxn>
            <a:cxn ang="T143">
              <a:pos x="T34" y="T35"/>
            </a:cxn>
            <a:cxn ang="T144">
              <a:pos x="T36" y="T37"/>
            </a:cxn>
            <a:cxn ang="T145">
              <a:pos x="T38" y="T39"/>
            </a:cxn>
            <a:cxn ang="T146">
              <a:pos x="T40" y="T41"/>
            </a:cxn>
            <a:cxn ang="T147">
              <a:pos x="T42" y="T43"/>
            </a:cxn>
            <a:cxn ang="T148">
              <a:pos x="T44" y="T45"/>
            </a:cxn>
            <a:cxn ang="T149">
              <a:pos x="T46" y="T47"/>
            </a:cxn>
            <a:cxn ang="T150">
              <a:pos x="T48" y="T49"/>
            </a:cxn>
            <a:cxn ang="T151">
              <a:pos x="T50" y="T51"/>
            </a:cxn>
            <a:cxn ang="T152">
              <a:pos x="T52" y="T53"/>
            </a:cxn>
            <a:cxn ang="T153">
              <a:pos x="T54" y="T55"/>
            </a:cxn>
            <a:cxn ang="T154">
              <a:pos x="T56" y="T57"/>
            </a:cxn>
            <a:cxn ang="T155">
              <a:pos x="T58" y="T59"/>
            </a:cxn>
            <a:cxn ang="T156">
              <a:pos x="T60" y="T61"/>
            </a:cxn>
            <a:cxn ang="T157">
              <a:pos x="T62" y="T63"/>
            </a:cxn>
            <a:cxn ang="T158">
              <a:pos x="T64" y="T65"/>
            </a:cxn>
            <a:cxn ang="T159">
              <a:pos x="T66" y="T67"/>
            </a:cxn>
            <a:cxn ang="T160">
              <a:pos x="T68" y="T69"/>
            </a:cxn>
            <a:cxn ang="T161">
              <a:pos x="T70" y="T71"/>
            </a:cxn>
            <a:cxn ang="T162">
              <a:pos x="T72" y="T73"/>
            </a:cxn>
            <a:cxn ang="T163">
              <a:pos x="T74" y="T75"/>
            </a:cxn>
            <a:cxn ang="T164">
              <a:pos x="T76" y="T77"/>
            </a:cxn>
            <a:cxn ang="T165">
              <a:pos x="T78" y="T79"/>
            </a:cxn>
            <a:cxn ang="T166">
              <a:pos x="T80" y="T81"/>
            </a:cxn>
            <a:cxn ang="T167">
              <a:pos x="T82" y="T83"/>
            </a:cxn>
            <a:cxn ang="T168">
              <a:pos x="T84" y="T85"/>
            </a:cxn>
            <a:cxn ang="T169">
              <a:pos x="T86" y="T87"/>
            </a:cxn>
            <a:cxn ang="T170">
              <a:pos x="T88" y="T89"/>
            </a:cxn>
            <a:cxn ang="T171">
              <a:pos x="T90" y="T91"/>
            </a:cxn>
            <a:cxn ang="T172">
              <a:pos x="T92" y="T93"/>
            </a:cxn>
            <a:cxn ang="T173">
              <a:pos x="T94" y="T95"/>
            </a:cxn>
            <a:cxn ang="T174">
              <a:pos x="T96" y="T97"/>
            </a:cxn>
            <a:cxn ang="T175">
              <a:pos x="T98" y="T99"/>
            </a:cxn>
            <a:cxn ang="T176">
              <a:pos x="T100" y="T101"/>
            </a:cxn>
            <a:cxn ang="T177">
              <a:pos x="T102" y="T103"/>
            </a:cxn>
            <a:cxn ang="T178">
              <a:pos x="T104" y="T105"/>
            </a:cxn>
            <a:cxn ang="T179">
              <a:pos x="T106" y="T107"/>
            </a:cxn>
            <a:cxn ang="T180">
              <a:pos x="T108" y="T109"/>
            </a:cxn>
            <a:cxn ang="T181">
              <a:pos x="T110" y="T111"/>
            </a:cxn>
            <a:cxn ang="T182">
              <a:pos x="T112" y="T113"/>
            </a:cxn>
            <a:cxn ang="T183">
              <a:pos x="T114" y="T115"/>
            </a:cxn>
            <a:cxn ang="T184">
              <a:pos x="T116" y="T117"/>
            </a:cxn>
            <a:cxn ang="T185">
              <a:pos x="T118" y="T119"/>
            </a:cxn>
            <a:cxn ang="T186">
              <a:pos x="T120" y="T121"/>
            </a:cxn>
            <a:cxn ang="T187">
              <a:pos x="T122" y="T123"/>
            </a:cxn>
            <a:cxn ang="T188">
              <a:pos x="T124" y="T125"/>
            </a:cxn>
          </a:cxnLst>
          <a:rect l="T189" t="T190" r="T191" b="T192"/>
          <a:pathLst>
            <a:path w="178" h="166">
              <a:moveTo>
                <a:pt x="63" y="166"/>
              </a:moveTo>
              <a:lnTo>
                <a:pt x="51" y="156"/>
              </a:lnTo>
              <a:lnTo>
                <a:pt x="48" y="155"/>
              </a:lnTo>
              <a:lnTo>
                <a:pt x="47" y="156"/>
              </a:lnTo>
              <a:lnTo>
                <a:pt x="42" y="153"/>
              </a:lnTo>
              <a:lnTo>
                <a:pt x="36" y="146"/>
              </a:lnTo>
              <a:lnTo>
                <a:pt x="35" y="146"/>
              </a:lnTo>
              <a:lnTo>
                <a:pt x="31" y="138"/>
              </a:lnTo>
              <a:lnTo>
                <a:pt x="28" y="137"/>
              </a:lnTo>
              <a:lnTo>
                <a:pt x="23" y="131"/>
              </a:lnTo>
              <a:lnTo>
                <a:pt x="19" y="128"/>
              </a:lnTo>
              <a:lnTo>
                <a:pt x="18" y="124"/>
              </a:lnTo>
              <a:lnTo>
                <a:pt x="18" y="118"/>
              </a:lnTo>
              <a:lnTo>
                <a:pt x="17" y="113"/>
              </a:lnTo>
              <a:lnTo>
                <a:pt x="13" y="107"/>
              </a:lnTo>
              <a:lnTo>
                <a:pt x="12" y="104"/>
              </a:lnTo>
              <a:lnTo>
                <a:pt x="12" y="99"/>
              </a:lnTo>
              <a:lnTo>
                <a:pt x="8" y="88"/>
              </a:lnTo>
              <a:lnTo>
                <a:pt x="9" y="84"/>
              </a:lnTo>
              <a:lnTo>
                <a:pt x="6" y="79"/>
              </a:lnTo>
              <a:lnTo>
                <a:pt x="6" y="72"/>
              </a:lnTo>
              <a:lnTo>
                <a:pt x="3" y="71"/>
              </a:lnTo>
              <a:lnTo>
                <a:pt x="2" y="66"/>
              </a:lnTo>
              <a:lnTo>
                <a:pt x="1" y="58"/>
              </a:lnTo>
              <a:lnTo>
                <a:pt x="3" y="53"/>
              </a:lnTo>
              <a:lnTo>
                <a:pt x="0" y="47"/>
              </a:lnTo>
              <a:lnTo>
                <a:pt x="1" y="41"/>
              </a:lnTo>
              <a:lnTo>
                <a:pt x="5" y="34"/>
              </a:lnTo>
              <a:lnTo>
                <a:pt x="10" y="29"/>
              </a:lnTo>
              <a:lnTo>
                <a:pt x="12" y="24"/>
              </a:lnTo>
              <a:lnTo>
                <a:pt x="16" y="17"/>
              </a:lnTo>
              <a:lnTo>
                <a:pt x="22" y="12"/>
              </a:lnTo>
              <a:lnTo>
                <a:pt x="25" y="8"/>
              </a:lnTo>
              <a:lnTo>
                <a:pt x="26" y="5"/>
              </a:lnTo>
              <a:lnTo>
                <a:pt x="31" y="3"/>
              </a:lnTo>
              <a:lnTo>
                <a:pt x="38" y="0"/>
              </a:lnTo>
              <a:lnTo>
                <a:pt x="43" y="4"/>
              </a:lnTo>
              <a:lnTo>
                <a:pt x="46" y="8"/>
              </a:lnTo>
              <a:lnTo>
                <a:pt x="46" y="10"/>
              </a:lnTo>
              <a:lnTo>
                <a:pt x="48" y="12"/>
              </a:lnTo>
              <a:lnTo>
                <a:pt x="52" y="12"/>
              </a:lnTo>
              <a:lnTo>
                <a:pt x="53" y="14"/>
              </a:lnTo>
              <a:lnTo>
                <a:pt x="53" y="16"/>
              </a:lnTo>
              <a:lnTo>
                <a:pt x="56" y="15"/>
              </a:lnTo>
              <a:lnTo>
                <a:pt x="60" y="15"/>
              </a:lnTo>
              <a:lnTo>
                <a:pt x="65" y="18"/>
              </a:lnTo>
              <a:lnTo>
                <a:pt x="67" y="20"/>
              </a:lnTo>
              <a:lnTo>
                <a:pt x="70" y="22"/>
              </a:lnTo>
              <a:lnTo>
                <a:pt x="73" y="21"/>
              </a:lnTo>
              <a:lnTo>
                <a:pt x="77" y="19"/>
              </a:lnTo>
              <a:lnTo>
                <a:pt x="79" y="17"/>
              </a:lnTo>
              <a:lnTo>
                <a:pt x="83" y="16"/>
              </a:lnTo>
              <a:lnTo>
                <a:pt x="85" y="14"/>
              </a:lnTo>
              <a:lnTo>
                <a:pt x="90" y="12"/>
              </a:lnTo>
              <a:lnTo>
                <a:pt x="94" y="13"/>
              </a:lnTo>
              <a:lnTo>
                <a:pt x="94" y="17"/>
              </a:lnTo>
              <a:lnTo>
                <a:pt x="106" y="27"/>
              </a:lnTo>
              <a:lnTo>
                <a:pt x="106" y="30"/>
              </a:lnTo>
              <a:lnTo>
                <a:pt x="107" y="33"/>
              </a:lnTo>
              <a:lnTo>
                <a:pt x="110" y="37"/>
              </a:lnTo>
              <a:lnTo>
                <a:pt x="111" y="42"/>
              </a:lnTo>
              <a:lnTo>
                <a:pt x="111" y="47"/>
              </a:lnTo>
              <a:lnTo>
                <a:pt x="112" y="49"/>
              </a:lnTo>
              <a:lnTo>
                <a:pt x="115" y="50"/>
              </a:lnTo>
              <a:lnTo>
                <a:pt x="114" y="54"/>
              </a:lnTo>
              <a:lnTo>
                <a:pt x="110" y="55"/>
              </a:lnTo>
              <a:lnTo>
                <a:pt x="106" y="59"/>
              </a:lnTo>
              <a:lnTo>
                <a:pt x="106" y="62"/>
              </a:lnTo>
              <a:lnTo>
                <a:pt x="107" y="64"/>
              </a:lnTo>
              <a:lnTo>
                <a:pt x="110" y="64"/>
              </a:lnTo>
              <a:lnTo>
                <a:pt x="114" y="71"/>
              </a:lnTo>
              <a:lnTo>
                <a:pt x="116" y="71"/>
              </a:lnTo>
              <a:lnTo>
                <a:pt x="119" y="68"/>
              </a:lnTo>
              <a:lnTo>
                <a:pt x="121" y="69"/>
              </a:lnTo>
              <a:lnTo>
                <a:pt x="124" y="72"/>
              </a:lnTo>
              <a:lnTo>
                <a:pt x="127" y="76"/>
              </a:lnTo>
              <a:lnTo>
                <a:pt x="132" y="79"/>
              </a:lnTo>
              <a:lnTo>
                <a:pt x="135" y="78"/>
              </a:lnTo>
              <a:lnTo>
                <a:pt x="142" y="75"/>
              </a:lnTo>
              <a:lnTo>
                <a:pt x="142" y="73"/>
              </a:lnTo>
              <a:lnTo>
                <a:pt x="143" y="69"/>
              </a:lnTo>
              <a:lnTo>
                <a:pt x="146" y="67"/>
              </a:lnTo>
              <a:lnTo>
                <a:pt x="149" y="68"/>
              </a:lnTo>
              <a:lnTo>
                <a:pt x="151" y="70"/>
              </a:lnTo>
              <a:lnTo>
                <a:pt x="154" y="73"/>
              </a:lnTo>
              <a:lnTo>
                <a:pt x="156" y="73"/>
              </a:lnTo>
              <a:lnTo>
                <a:pt x="160" y="73"/>
              </a:lnTo>
              <a:lnTo>
                <a:pt x="164" y="74"/>
              </a:lnTo>
              <a:lnTo>
                <a:pt x="168" y="75"/>
              </a:lnTo>
              <a:lnTo>
                <a:pt x="177" y="72"/>
              </a:lnTo>
              <a:lnTo>
                <a:pt x="178" y="74"/>
              </a:lnTo>
              <a:lnTo>
                <a:pt x="177" y="79"/>
              </a:lnTo>
              <a:lnTo>
                <a:pt x="173" y="81"/>
              </a:lnTo>
              <a:lnTo>
                <a:pt x="172" y="84"/>
              </a:lnTo>
              <a:lnTo>
                <a:pt x="172" y="87"/>
              </a:lnTo>
              <a:lnTo>
                <a:pt x="172" y="90"/>
              </a:lnTo>
              <a:lnTo>
                <a:pt x="168" y="93"/>
              </a:lnTo>
              <a:lnTo>
                <a:pt x="163" y="92"/>
              </a:lnTo>
              <a:lnTo>
                <a:pt x="158" y="93"/>
              </a:lnTo>
              <a:lnTo>
                <a:pt x="156" y="95"/>
              </a:lnTo>
              <a:lnTo>
                <a:pt x="152" y="95"/>
              </a:lnTo>
              <a:lnTo>
                <a:pt x="147" y="99"/>
              </a:lnTo>
              <a:lnTo>
                <a:pt x="143" y="101"/>
              </a:lnTo>
              <a:lnTo>
                <a:pt x="140" y="105"/>
              </a:lnTo>
              <a:lnTo>
                <a:pt x="137" y="107"/>
              </a:lnTo>
              <a:lnTo>
                <a:pt x="134" y="110"/>
              </a:lnTo>
              <a:lnTo>
                <a:pt x="135" y="113"/>
              </a:lnTo>
              <a:lnTo>
                <a:pt x="134" y="118"/>
              </a:lnTo>
              <a:lnTo>
                <a:pt x="131" y="122"/>
              </a:lnTo>
              <a:lnTo>
                <a:pt x="130" y="128"/>
              </a:lnTo>
              <a:lnTo>
                <a:pt x="126" y="130"/>
              </a:lnTo>
              <a:lnTo>
                <a:pt x="122" y="129"/>
              </a:lnTo>
              <a:lnTo>
                <a:pt x="118" y="133"/>
              </a:lnTo>
              <a:lnTo>
                <a:pt x="115" y="136"/>
              </a:lnTo>
              <a:lnTo>
                <a:pt x="111" y="137"/>
              </a:lnTo>
              <a:lnTo>
                <a:pt x="107" y="143"/>
              </a:lnTo>
              <a:lnTo>
                <a:pt x="100" y="145"/>
              </a:lnTo>
              <a:lnTo>
                <a:pt x="92" y="148"/>
              </a:lnTo>
              <a:lnTo>
                <a:pt x="88" y="153"/>
              </a:lnTo>
              <a:lnTo>
                <a:pt x="87" y="157"/>
              </a:lnTo>
              <a:lnTo>
                <a:pt x="85" y="160"/>
              </a:lnTo>
              <a:lnTo>
                <a:pt x="83" y="160"/>
              </a:lnTo>
              <a:lnTo>
                <a:pt x="80" y="164"/>
              </a:lnTo>
              <a:lnTo>
                <a:pt x="75" y="165"/>
              </a:lnTo>
              <a:lnTo>
                <a:pt x="69" y="164"/>
              </a:lnTo>
              <a:lnTo>
                <a:pt x="63" y="166"/>
              </a:lnTo>
            </a:path>
          </a:pathLst>
        </a:custGeom>
        <a:noFill/>
        <a:ln w="6350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907141</xdr:colOff>
      <xdr:row>19</xdr:row>
      <xdr:rowOff>138729</xdr:rowOff>
    </xdr:from>
    <xdr:to>
      <xdr:col>19</xdr:col>
      <xdr:colOff>549602</xdr:colOff>
      <xdr:row>21</xdr:row>
      <xdr:rowOff>167227</xdr:rowOff>
    </xdr:to>
    <xdr:sp macro="" textlink="">
      <xdr:nvSpPr>
        <xdr:cNvPr id="162" name="d14383"/>
        <xdr:cNvSpPr>
          <a:spLocks/>
        </xdr:cNvSpPr>
      </xdr:nvSpPr>
      <xdr:spPr bwMode="auto">
        <a:xfrm>
          <a:off x="14356441" y="6844329"/>
          <a:ext cx="550511" cy="65079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0" y="0"/>
              </a:moveTo>
              <a:lnTo>
                <a:pt x="1241" y="237"/>
              </a:lnTo>
              <a:lnTo>
                <a:pt x="2482" y="475"/>
              </a:lnTo>
              <a:lnTo>
                <a:pt x="5213" y="1662"/>
              </a:lnTo>
              <a:lnTo>
                <a:pt x="9185" y="3799"/>
              </a:lnTo>
              <a:lnTo>
                <a:pt x="9930" y="3324"/>
              </a:lnTo>
              <a:lnTo>
                <a:pt x="10178" y="3799"/>
              </a:lnTo>
              <a:lnTo>
                <a:pt x="10674" y="4512"/>
              </a:lnTo>
              <a:lnTo>
                <a:pt x="11667" y="5224"/>
              </a:lnTo>
              <a:lnTo>
                <a:pt x="12164" y="5936"/>
              </a:lnTo>
              <a:lnTo>
                <a:pt x="11419" y="6886"/>
              </a:lnTo>
              <a:lnTo>
                <a:pt x="11171" y="8073"/>
              </a:lnTo>
              <a:lnTo>
                <a:pt x="10923" y="9261"/>
              </a:lnTo>
              <a:lnTo>
                <a:pt x="11171" y="9498"/>
              </a:lnTo>
              <a:lnTo>
                <a:pt x="11419" y="9973"/>
              </a:lnTo>
              <a:lnTo>
                <a:pt x="11916" y="10685"/>
              </a:lnTo>
              <a:lnTo>
                <a:pt x="11916" y="11872"/>
              </a:lnTo>
              <a:lnTo>
                <a:pt x="11171" y="11872"/>
              </a:lnTo>
              <a:lnTo>
                <a:pt x="11916" y="12347"/>
              </a:lnTo>
              <a:lnTo>
                <a:pt x="12909" y="13297"/>
              </a:lnTo>
              <a:lnTo>
                <a:pt x="13902" y="13772"/>
              </a:lnTo>
              <a:lnTo>
                <a:pt x="15143" y="14010"/>
              </a:lnTo>
              <a:lnTo>
                <a:pt x="15888" y="14247"/>
              </a:lnTo>
              <a:lnTo>
                <a:pt x="15888" y="15197"/>
              </a:lnTo>
              <a:lnTo>
                <a:pt x="16384" y="15909"/>
              </a:lnTo>
              <a:lnTo>
                <a:pt x="15888" y="16147"/>
              </a:lnTo>
              <a:lnTo>
                <a:pt x="15391" y="15909"/>
              </a:lnTo>
              <a:lnTo>
                <a:pt x="14895" y="16147"/>
              </a:lnTo>
              <a:lnTo>
                <a:pt x="14646" y="16384"/>
              </a:lnTo>
              <a:lnTo>
                <a:pt x="14150" y="16147"/>
              </a:lnTo>
              <a:lnTo>
                <a:pt x="13653" y="16147"/>
              </a:lnTo>
              <a:lnTo>
                <a:pt x="13405" y="15672"/>
              </a:lnTo>
              <a:lnTo>
                <a:pt x="12660" y="15434"/>
              </a:lnTo>
              <a:lnTo>
                <a:pt x="12660" y="14722"/>
              </a:lnTo>
              <a:lnTo>
                <a:pt x="11916" y="14722"/>
              </a:lnTo>
              <a:lnTo>
                <a:pt x="10923" y="14484"/>
              </a:lnTo>
              <a:lnTo>
                <a:pt x="10178" y="14010"/>
              </a:lnTo>
              <a:lnTo>
                <a:pt x="9930" y="13535"/>
              </a:lnTo>
              <a:lnTo>
                <a:pt x="9681" y="13535"/>
              </a:lnTo>
              <a:lnTo>
                <a:pt x="9930" y="13060"/>
              </a:lnTo>
              <a:lnTo>
                <a:pt x="8937" y="11872"/>
              </a:lnTo>
              <a:lnTo>
                <a:pt x="7696" y="10448"/>
              </a:lnTo>
              <a:lnTo>
                <a:pt x="6454" y="9973"/>
              </a:lnTo>
              <a:lnTo>
                <a:pt x="6206" y="9023"/>
              </a:lnTo>
              <a:lnTo>
                <a:pt x="6454" y="8548"/>
              </a:lnTo>
              <a:lnTo>
                <a:pt x="6703" y="7598"/>
              </a:lnTo>
              <a:lnTo>
                <a:pt x="5958" y="6411"/>
              </a:lnTo>
              <a:lnTo>
                <a:pt x="3475" y="4749"/>
              </a:lnTo>
              <a:lnTo>
                <a:pt x="2979" y="2612"/>
              </a:lnTo>
              <a:lnTo>
                <a:pt x="1738" y="2374"/>
              </a:lnTo>
              <a:lnTo>
                <a:pt x="1241" y="1900"/>
              </a:lnTo>
              <a:lnTo>
                <a:pt x="0" y="1187"/>
              </a:lnTo>
              <a:lnTo>
                <a:pt x="0" y="0"/>
              </a:lnTo>
              <a:close/>
            </a:path>
          </a:pathLst>
        </a:custGeom>
        <a:noFill/>
        <a:ln w="6350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630138</xdr:colOff>
      <xdr:row>13</xdr:row>
      <xdr:rowOff>55679</xdr:rowOff>
    </xdr:from>
    <xdr:to>
      <xdr:col>22</xdr:col>
      <xdr:colOff>338463</xdr:colOff>
      <xdr:row>15</xdr:row>
      <xdr:rowOff>64849</xdr:rowOff>
    </xdr:to>
    <xdr:sp macro="" textlink="">
      <xdr:nvSpPr>
        <xdr:cNvPr id="163" name="d14340"/>
        <xdr:cNvSpPr>
          <a:spLocks/>
        </xdr:cNvSpPr>
      </xdr:nvSpPr>
      <xdr:spPr bwMode="auto">
        <a:xfrm>
          <a:off x="15724756" y="4943508"/>
          <a:ext cx="1081931" cy="64082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2954" y="1928"/>
              </a:moveTo>
              <a:lnTo>
                <a:pt x="3895" y="1687"/>
              </a:lnTo>
              <a:lnTo>
                <a:pt x="4700" y="0"/>
              </a:lnTo>
              <a:lnTo>
                <a:pt x="5506" y="482"/>
              </a:lnTo>
              <a:lnTo>
                <a:pt x="6580" y="0"/>
              </a:lnTo>
              <a:lnTo>
                <a:pt x="7118" y="723"/>
              </a:lnTo>
              <a:lnTo>
                <a:pt x="7923" y="482"/>
              </a:lnTo>
              <a:lnTo>
                <a:pt x="8192" y="1205"/>
              </a:lnTo>
              <a:lnTo>
                <a:pt x="9938" y="1205"/>
              </a:lnTo>
              <a:lnTo>
                <a:pt x="10206" y="1928"/>
              </a:lnTo>
              <a:lnTo>
                <a:pt x="9938" y="3132"/>
              </a:lnTo>
              <a:lnTo>
                <a:pt x="10341" y="3132"/>
              </a:lnTo>
              <a:lnTo>
                <a:pt x="10744" y="4337"/>
              </a:lnTo>
              <a:lnTo>
                <a:pt x="11549" y="4819"/>
              </a:lnTo>
              <a:lnTo>
                <a:pt x="11549" y="5301"/>
              </a:lnTo>
              <a:lnTo>
                <a:pt x="12758" y="5060"/>
              </a:lnTo>
              <a:lnTo>
                <a:pt x="13564" y="3855"/>
              </a:lnTo>
              <a:lnTo>
                <a:pt x="14504" y="3132"/>
              </a:lnTo>
              <a:lnTo>
                <a:pt x="14772" y="2168"/>
              </a:lnTo>
              <a:lnTo>
                <a:pt x="15175" y="3132"/>
              </a:lnTo>
              <a:lnTo>
                <a:pt x="16115" y="3132"/>
              </a:lnTo>
              <a:lnTo>
                <a:pt x="16384" y="4096"/>
              </a:lnTo>
              <a:lnTo>
                <a:pt x="15847" y="4819"/>
              </a:lnTo>
              <a:lnTo>
                <a:pt x="15444" y="5060"/>
              </a:lnTo>
              <a:lnTo>
                <a:pt x="15175" y="6987"/>
              </a:lnTo>
              <a:lnTo>
                <a:pt x="15847" y="7951"/>
              </a:lnTo>
              <a:lnTo>
                <a:pt x="13832" y="8915"/>
              </a:lnTo>
              <a:lnTo>
                <a:pt x="13430" y="9879"/>
              </a:lnTo>
              <a:lnTo>
                <a:pt x="11146" y="10842"/>
              </a:lnTo>
              <a:lnTo>
                <a:pt x="5640" y="12770"/>
              </a:lnTo>
              <a:lnTo>
                <a:pt x="4700" y="13252"/>
              </a:lnTo>
              <a:lnTo>
                <a:pt x="3357" y="14216"/>
              </a:lnTo>
              <a:lnTo>
                <a:pt x="1880" y="15420"/>
              </a:lnTo>
              <a:lnTo>
                <a:pt x="537" y="16384"/>
              </a:lnTo>
              <a:lnTo>
                <a:pt x="269" y="15179"/>
              </a:lnTo>
              <a:lnTo>
                <a:pt x="403" y="13975"/>
              </a:lnTo>
              <a:lnTo>
                <a:pt x="671" y="13493"/>
              </a:lnTo>
              <a:lnTo>
                <a:pt x="671" y="13011"/>
              </a:lnTo>
              <a:lnTo>
                <a:pt x="403" y="12770"/>
              </a:lnTo>
              <a:lnTo>
                <a:pt x="671" y="12047"/>
              </a:lnTo>
              <a:lnTo>
                <a:pt x="806" y="10842"/>
              </a:lnTo>
              <a:lnTo>
                <a:pt x="806" y="10120"/>
              </a:lnTo>
              <a:lnTo>
                <a:pt x="671" y="9397"/>
              </a:lnTo>
              <a:lnTo>
                <a:pt x="671" y="8433"/>
              </a:lnTo>
              <a:lnTo>
                <a:pt x="940" y="6746"/>
              </a:lnTo>
              <a:lnTo>
                <a:pt x="403" y="6264"/>
              </a:lnTo>
              <a:lnTo>
                <a:pt x="134" y="5783"/>
              </a:lnTo>
              <a:lnTo>
                <a:pt x="0" y="4819"/>
              </a:lnTo>
              <a:lnTo>
                <a:pt x="537" y="5060"/>
              </a:lnTo>
              <a:lnTo>
                <a:pt x="1477" y="2891"/>
              </a:lnTo>
              <a:lnTo>
                <a:pt x="2552" y="1687"/>
              </a:lnTo>
              <a:lnTo>
                <a:pt x="2686" y="1928"/>
              </a:lnTo>
              <a:lnTo>
                <a:pt x="2954" y="192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59469</xdr:colOff>
      <xdr:row>11</xdr:row>
      <xdr:rowOff>223461</xdr:rowOff>
    </xdr:from>
    <xdr:to>
      <xdr:col>27</xdr:col>
      <xdr:colOff>109080</xdr:colOff>
      <xdr:row>16</xdr:row>
      <xdr:rowOff>207731</xdr:rowOff>
    </xdr:to>
    <xdr:sp macro="" textlink="">
      <xdr:nvSpPr>
        <xdr:cNvPr id="164" name="d452"/>
        <xdr:cNvSpPr>
          <a:spLocks/>
        </xdr:cNvSpPr>
      </xdr:nvSpPr>
      <xdr:spPr bwMode="auto">
        <a:xfrm>
          <a:off x="18379383" y="4485218"/>
          <a:ext cx="1607011" cy="156269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w 16384"/>
            <a:gd name="T139" fmla="*/ 0 h 16384"/>
            <a:gd name="T140" fmla="*/ 16384 w 16384"/>
            <a:gd name="T141" fmla="*/ 16384 h 16384"/>
          </a:gdLst>
          <a:ahLst/>
          <a:cxnLst>
            <a:cxn ang="T92">
              <a:pos x="T0" y="T1"/>
            </a:cxn>
            <a:cxn ang="T93">
              <a:pos x="T2" y="T3"/>
            </a:cxn>
            <a:cxn ang="T94">
              <a:pos x="T4" y="T5"/>
            </a:cxn>
            <a:cxn ang="T95">
              <a:pos x="T6" y="T7"/>
            </a:cxn>
            <a:cxn ang="T96">
              <a:pos x="T8" y="T9"/>
            </a:cxn>
            <a:cxn ang="T97">
              <a:pos x="T10" y="T11"/>
            </a:cxn>
            <a:cxn ang="T98">
              <a:pos x="T12" y="T13"/>
            </a:cxn>
            <a:cxn ang="T99">
              <a:pos x="T14" y="T15"/>
            </a:cxn>
            <a:cxn ang="T100">
              <a:pos x="T16" y="T17"/>
            </a:cxn>
            <a:cxn ang="T101">
              <a:pos x="T18" y="T19"/>
            </a:cxn>
            <a:cxn ang="T102">
              <a:pos x="T20" y="T21"/>
            </a:cxn>
            <a:cxn ang="T103">
              <a:pos x="T22" y="T23"/>
            </a:cxn>
            <a:cxn ang="T104">
              <a:pos x="T24" y="T25"/>
            </a:cxn>
            <a:cxn ang="T105">
              <a:pos x="T26" y="T27"/>
            </a:cxn>
            <a:cxn ang="T106">
              <a:pos x="T28" y="T29"/>
            </a:cxn>
            <a:cxn ang="T107">
              <a:pos x="T30" y="T31"/>
            </a:cxn>
            <a:cxn ang="T108">
              <a:pos x="T32" y="T33"/>
            </a:cxn>
            <a:cxn ang="T109">
              <a:pos x="T34" y="T35"/>
            </a:cxn>
            <a:cxn ang="T110">
              <a:pos x="T36" y="T37"/>
            </a:cxn>
            <a:cxn ang="T111">
              <a:pos x="T38" y="T39"/>
            </a:cxn>
            <a:cxn ang="T112">
              <a:pos x="T40" y="T41"/>
            </a:cxn>
            <a:cxn ang="T113">
              <a:pos x="T42" y="T43"/>
            </a:cxn>
            <a:cxn ang="T114">
              <a:pos x="T44" y="T45"/>
            </a:cxn>
            <a:cxn ang="T115">
              <a:pos x="T46" y="T47"/>
            </a:cxn>
            <a:cxn ang="T116">
              <a:pos x="T48" y="T49"/>
            </a:cxn>
            <a:cxn ang="T117">
              <a:pos x="T50" y="T51"/>
            </a:cxn>
            <a:cxn ang="T118">
              <a:pos x="T52" y="T53"/>
            </a:cxn>
            <a:cxn ang="T119">
              <a:pos x="T54" y="T55"/>
            </a:cxn>
            <a:cxn ang="T120">
              <a:pos x="T56" y="T57"/>
            </a:cxn>
            <a:cxn ang="T121">
              <a:pos x="T58" y="T59"/>
            </a:cxn>
            <a:cxn ang="T122">
              <a:pos x="T60" y="T61"/>
            </a:cxn>
            <a:cxn ang="T123">
              <a:pos x="T62" y="T63"/>
            </a:cxn>
            <a:cxn ang="T124">
              <a:pos x="T64" y="T65"/>
            </a:cxn>
            <a:cxn ang="T125">
              <a:pos x="T66" y="T67"/>
            </a:cxn>
            <a:cxn ang="T126">
              <a:pos x="T68" y="T69"/>
            </a:cxn>
            <a:cxn ang="T127">
              <a:pos x="T70" y="T71"/>
            </a:cxn>
            <a:cxn ang="T128">
              <a:pos x="T72" y="T73"/>
            </a:cxn>
            <a:cxn ang="T129">
              <a:pos x="T74" y="T75"/>
            </a:cxn>
            <a:cxn ang="T130">
              <a:pos x="T76" y="T77"/>
            </a:cxn>
            <a:cxn ang="T131">
              <a:pos x="T78" y="T79"/>
            </a:cxn>
            <a:cxn ang="T132">
              <a:pos x="T80" y="T81"/>
            </a:cxn>
            <a:cxn ang="T133">
              <a:pos x="T82" y="T83"/>
            </a:cxn>
            <a:cxn ang="T134">
              <a:pos x="T84" y="T85"/>
            </a:cxn>
            <a:cxn ang="T135">
              <a:pos x="T86" y="T87"/>
            </a:cxn>
            <a:cxn ang="T136">
              <a:pos x="T88" y="T89"/>
            </a:cxn>
            <a:cxn ang="T137">
              <a:pos x="T90" y="T91"/>
            </a:cxn>
          </a:cxnLst>
          <a:rect l="T138" t="T139" r="T140" b="T141"/>
          <a:pathLst>
            <a:path w="16384" h="16384">
              <a:moveTo>
                <a:pt x="10627" y="4611"/>
              </a:moveTo>
              <a:lnTo>
                <a:pt x="10893" y="5003"/>
              </a:lnTo>
              <a:lnTo>
                <a:pt x="10805" y="5494"/>
              </a:lnTo>
              <a:lnTo>
                <a:pt x="10805" y="5886"/>
              </a:lnTo>
              <a:lnTo>
                <a:pt x="11070" y="6181"/>
              </a:lnTo>
              <a:lnTo>
                <a:pt x="11336" y="6475"/>
              </a:lnTo>
              <a:lnTo>
                <a:pt x="11247" y="6868"/>
              </a:lnTo>
              <a:lnTo>
                <a:pt x="11425" y="7162"/>
              </a:lnTo>
              <a:lnTo>
                <a:pt x="11956" y="7554"/>
              </a:lnTo>
              <a:lnTo>
                <a:pt x="12399" y="7554"/>
              </a:lnTo>
              <a:lnTo>
                <a:pt x="12576" y="7751"/>
              </a:lnTo>
              <a:lnTo>
                <a:pt x="12930" y="7947"/>
              </a:lnTo>
              <a:lnTo>
                <a:pt x="13196" y="8241"/>
              </a:lnTo>
              <a:lnTo>
                <a:pt x="13373" y="8535"/>
              </a:lnTo>
              <a:lnTo>
                <a:pt x="13373" y="9124"/>
              </a:lnTo>
              <a:lnTo>
                <a:pt x="13904" y="9418"/>
              </a:lnTo>
              <a:lnTo>
                <a:pt x="13904" y="10007"/>
              </a:lnTo>
              <a:lnTo>
                <a:pt x="14259" y="10498"/>
              </a:lnTo>
              <a:lnTo>
                <a:pt x="14436" y="11184"/>
              </a:lnTo>
              <a:lnTo>
                <a:pt x="14524" y="11577"/>
              </a:lnTo>
              <a:lnTo>
                <a:pt x="14170" y="12067"/>
              </a:lnTo>
              <a:lnTo>
                <a:pt x="14259" y="12362"/>
              </a:lnTo>
              <a:lnTo>
                <a:pt x="14524" y="12754"/>
              </a:lnTo>
              <a:lnTo>
                <a:pt x="14790" y="12656"/>
              </a:lnTo>
              <a:lnTo>
                <a:pt x="15144" y="13146"/>
              </a:lnTo>
              <a:lnTo>
                <a:pt x="15676" y="13441"/>
              </a:lnTo>
              <a:lnTo>
                <a:pt x="16030" y="13539"/>
              </a:lnTo>
              <a:lnTo>
                <a:pt x="16384" y="13539"/>
              </a:lnTo>
              <a:lnTo>
                <a:pt x="16384" y="13735"/>
              </a:lnTo>
              <a:lnTo>
                <a:pt x="16118" y="13931"/>
              </a:lnTo>
              <a:lnTo>
                <a:pt x="16118" y="14422"/>
              </a:lnTo>
              <a:lnTo>
                <a:pt x="16295" y="14912"/>
              </a:lnTo>
              <a:lnTo>
                <a:pt x="16207" y="15305"/>
              </a:lnTo>
              <a:lnTo>
                <a:pt x="15853" y="15207"/>
              </a:lnTo>
              <a:lnTo>
                <a:pt x="15410" y="15403"/>
              </a:lnTo>
              <a:lnTo>
                <a:pt x="15144" y="15599"/>
              </a:lnTo>
              <a:lnTo>
                <a:pt x="14967" y="15697"/>
              </a:lnTo>
              <a:lnTo>
                <a:pt x="14878" y="15992"/>
              </a:lnTo>
              <a:lnTo>
                <a:pt x="14613" y="15992"/>
              </a:lnTo>
              <a:lnTo>
                <a:pt x="14259" y="15795"/>
              </a:lnTo>
              <a:lnTo>
                <a:pt x="14170" y="15403"/>
              </a:lnTo>
              <a:lnTo>
                <a:pt x="13993" y="15207"/>
              </a:lnTo>
              <a:lnTo>
                <a:pt x="13816" y="15109"/>
              </a:lnTo>
              <a:lnTo>
                <a:pt x="13639" y="15403"/>
              </a:lnTo>
              <a:lnTo>
                <a:pt x="13373" y="15599"/>
              </a:lnTo>
              <a:lnTo>
                <a:pt x="13019" y="15599"/>
              </a:lnTo>
              <a:lnTo>
                <a:pt x="12842" y="15599"/>
              </a:lnTo>
              <a:lnTo>
                <a:pt x="12487" y="15599"/>
              </a:lnTo>
              <a:lnTo>
                <a:pt x="12222" y="15599"/>
              </a:lnTo>
              <a:lnTo>
                <a:pt x="11956" y="15893"/>
              </a:lnTo>
              <a:lnTo>
                <a:pt x="11956" y="15992"/>
              </a:lnTo>
              <a:lnTo>
                <a:pt x="11425" y="15992"/>
              </a:lnTo>
              <a:lnTo>
                <a:pt x="10008" y="16188"/>
              </a:lnTo>
              <a:lnTo>
                <a:pt x="9830" y="16384"/>
              </a:lnTo>
              <a:lnTo>
                <a:pt x="9388" y="16384"/>
              </a:lnTo>
              <a:lnTo>
                <a:pt x="9742" y="15795"/>
              </a:lnTo>
              <a:lnTo>
                <a:pt x="9476" y="15501"/>
              </a:lnTo>
              <a:lnTo>
                <a:pt x="9210" y="15109"/>
              </a:lnTo>
              <a:lnTo>
                <a:pt x="9210" y="14716"/>
              </a:lnTo>
              <a:lnTo>
                <a:pt x="8945" y="14618"/>
              </a:lnTo>
              <a:lnTo>
                <a:pt x="8502" y="14422"/>
              </a:lnTo>
              <a:lnTo>
                <a:pt x="8591" y="14128"/>
              </a:lnTo>
              <a:lnTo>
                <a:pt x="8768" y="13833"/>
              </a:lnTo>
              <a:lnTo>
                <a:pt x="8679" y="13539"/>
              </a:lnTo>
              <a:lnTo>
                <a:pt x="8856" y="13146"/>
              </a:lnTo>
              <a:lnTo>
                <a:pt x="8679" y="12558"/>
              </a:lnTo>
              <a:lnTo>
                <a:pt x="8591" y="12165"/>
              </a:lnTo>
              <a:lnTo>
                <a:pt x="8502" y="11773"/>
              </a:lnTo>
              <a:lnTo>
                <a:pt x="8856" y="11675"/>
              </a:lnTo>
              <a:lnTo>
                <a:pt x="9033" y="11479"/>
              </a:lnTo>
              <a:lnTo>
                <a:pt x="8856" y="10988"/>
              </a:lnTo>
              <a:lnTo>
                <a:pt x="8502" y="10596"/>
              </a:lnTo>
              <a:lnTo>
                <a:pt x="8059" y="10792"/>
              </a:lnTo>
              <a:lnTo>
                <a:pt x="7616" y="10694"/>
              </a:lnTo>
              <a:lnTo>
                <a:pt x="7351" y="10792"/>
              </a:lnTo>
              <a:lnTo>
                <a:pt x="7262" y="10203"/>
              </a:lnTo>
              <a:lnTo>
                <a:pt x="6908" y="10301"/>
              </a:lnTo>
              <a:lnTo>
                <a:pt x="6731" y="10105"/>
              </a:lnTo>
              <a:lnTo>
                <a:pt x="6819" y="9811"/>
              </a:lnTo>
              <a:lnTo>
                <a:pt x="6908" y="9615"/>
              </a:lnTo>
              <a:lnTo>
                <a:pt x="6731" y="9320"/>
              </a:lnTo>
              <a:lnTo>
                <a:pt x="6465" y="8928"/>
              </a:lnTo>
              <a:lnTo>
                <a:pt x="6111" y="8535"/>
              </a:lnTo>
              <a:lnTo>
                <a:pt x="5579" y="8535"/>
              </a:lnTo>
              <a:lnTo>
                <a:pt x="4959" y="8535"/>
              </a:lnTo>
              <a:lnTo>
                <a:pt x="4871" y="8732"/>
              </a:lnTo>
              <a:lnTo>
                <a:pt x="4605" y="9222"/>
              </a:lnTo>
              <a:lnTo>
                <a:pt x="4162" y="9418"/>
              </a:lnTo>
              <a:lnTo>
                <a:pt x="3808" y="9418"/>
              </a:lnTo>
              <a:lnTo>
                <a:pt x="3277" y="9320"/>
              </a:lnTo>
              <a:lnTo>
                <a:pt x="2834" y="9124"/>
              </a:lnTo>
              <a:lnTo>
                <a:pt x="2391" y="9026"/>
              </a:lnTo>
              <a:lnTo>
                <a:pt x="1948" y="8928"/>
              </a:lnTo>
              <a:lnTo>
                <a:pt x="1328" y="8830"/>
              </a:lnTo>
              <a:lnTo>
                <a:pt x="797" y="8830"/>
              </a:lnTo>
              <a:lnTo>
                <a:pt x="354" y="8732"/>
              </a:lnTo>
              <a:lnTo>
                <a:pt x="266" y="8633"/>
              </a:lnTo>
              <a:lnTo>
                <a:pt x="0" y="8732"/>
              </a:lnTo>
              <a:lnTo>
                <a:pt x="354" y="7947"/>
              </a:lnTo>
              <a:lnTo>
                <a:pt x="708" y="7652"/>
              </a:lnTo>
              <a:lnTo>
                <a:pt x="974" y="7260"/>
              </a:lnTo>
              <a:lnTo>
                <a:pt x="974" y="6868"/>
              </a:lnTo>
              <a:lnTo>
                <a:pt x="1063" y="6083"/>
              </a:lnTo>
              <a:lnTo>
                <a:pt x="1328" y="5985"/>
              </a:lnTo>
              <a:lnTo>
                <a:pt x="1506" y="5298"/>
              </a:lnTo>
              <a:lnTo>
                <a:pt x="1771" y="5102"/>
              </a:lnTo>
              <a:lnTo>
                <a:pt x="2125" y="5003"/>
              </a:lnTo>
              <a:lnTo>
                <a:pt x="2834" y="4219"/>
              </a:lnTo>
              <a:lnTo>
                <a:pt x="3011" y="3728"/>
              </a:lnTo>
              <a:lnTo>
                <a:pt x="2834" y="3434"/>
              </a:lnTo>
              <a:lnTo>
                <a:pt x="2391" y="3532"/>
              </a:lnTo>
              <a:lnTo>
                <a:pt x="2480" y="2845"/>
              </a:lnTo>
              <a:lnTo>
                <a:pt x="2037" y="2649"/>
              </a:lnTo>
              <a:lnTo>
                <a:pt x="1771" y="1766"/>
              </a:lnTo>
              <a:lnTo>
                <a:pt x="1063" y="1766"/>
              </a:lnTo>
              <a:lnTo>
                <a:pt x="886" y="1374"/>
              </a:lnTo>
              <a:lnTo>
                <a:pt x="974" y="1079"/>
              </a:lnTo>
              <a:lnTo>
                <a:pt x="1417" y="785"/>
              </a:lnTo>
              <a:lnTo>
                <a:pt x="1683" y="0"/>
              </a:lnTo>
              <a:lnTo>
                <a:pt x="2303" y="589"/>
              </a:lnTo>
              <a:lnTo>
                <a:pt x="2923" y="981"/>
              </a:lnTo>
              <a:lnTo>
                <a:pt x="3542" y="1177"/>
              </a:lnTo>
              <a:lnTo>
                <a:pt x="3808" y="1177"/>
              </a:lnTo>
              <a:lnTo>
                <a:pt x="4251" y="1570"/>
              </a:lnTo>
              <a:lnTo>
                <a:pt x="5137" y="1962"/>
              </a:lnTo>
              <a:lnTo>
                <a:pt x="5845" y="1472"/>
              </a:lnTo>
              <a:lnTo>
                <a:pt x="6111" y="883"/>
              </a:lnTo>
              <a:lnTo>
                <a:pt x="6376" y="1079"/>
              </a:lnTo>
              <a:lnTo>
                <a:pt x="6554" y="1668"/>
              </a:lnTo>
              <a:lnTo>
                <a:pt x="6731" y="2060"/>
              </a:lnTo>
              <a:lnTo>
                <a:pt x="7174" y="2649"/>
              </a:lnTo>
              <a:lnTo>
                <a:pt x="7705" y="3041"/>
              </a:lnTo>
              <a:lnTo>
                <a:pt x="8059" y="3238"/>
              </a:lnTo>
              <a:lnTo>
                <a:pt x="8679" y="3139"/>
              </a:lnTo>
              <a:lnTo>
                <a:pt x="8768" y="3139"/>
              </a:lnTo>
              <a:lnTo>
                <a:pt x="9033" y="3924"/>
              </a:lnTo>
              <a:lnTo>
                <a:pt x="9033" y="4513"/>
              </a:lnTo>
              <a:lnTo>
                <a:pt x="9388" y="4709"/>
              </a:lnTo>
              <a:lnTo>
                <a:pt x="9830" y="4709"/>
              </a:lnTo>
              <a:lnTo>
                <a:pt x="10627" y="461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7</xdr:col>
      <xdr:colOff>683710</xdr:colOff>
      <xdr:row>2</xdr:row>
      <xdr:rowOff>425450</xdr:rowOff>
    </xdr:from>
    <xdr:to>
      <xdr:col>21</xdr:col>
      <xdr:colOff>496328</xdr:colOff>
      <xdr:row>19</xdr:row>
      <xdr:rowOff>100073</xdr:rowOff>
    </xdr:to>
    <xdr:grpSp>
      <xdr:nvGrpSpPr>
        <xdr:cNvPr id="165" name="Group 213"/>
        <xdr:cNvGrpSpPr>
          <a:grpSpLocks/>
        </xdr:cNvGrpSpPr>
      </xdr:nvGrpSpPr>
      <xdr:grpSpPr bwMode="auto">
        <a:xfrm>
          <a:off x="13144651" y="1008156"/>
          <a:ext cx="3095942" cy="5837858"/>
          <a:chOff x="132" y="187"/>
          <a:chExt cx="359" cy="627"/>
        </a:xfrm>
      </xdr:grpSpPr>
      <xdr:sp macro="" textlink="">
        <xdr:nvSpPr>
          <xdr:cNvPr id="166" name="Freeform 214"/>
          <xdr:cNvSpPr>
            <a:spLocks/>
          </xdr:cNvSpPr>
        </xdr:nvSpPr>
        <xdr:spPr bwMode="auto">
          <a:xfrm>
            <a:off x="355" y="187"/>
            <a:ext cx="32" cy="27"/>
          </a:xfrm>
          <a:custGeom>
            <a:avLst/>
            <a:gdLst>
              <a:gd name="T0" fmla="*/ 20 w 32"/>
              <a:gd name="T1" fmla="*/ 9 h 27"/>
              <a:gd name="T2" fmla="*/ 16 w 32"/>
              <a:gd name="T3" fmla="*/ 6 h 27"/>
              <a:gd name="T4" fmla="*/ 16 w 32"/>
              <a:gd name="T5" fmla="*/ 4 h 27"/>
              <a:gd name="T6" fmla="*/ 16 w 32"/>
              <a:gd name="T7" fmla="*/ 1 h 27"/>
              <a:gd name="T8" fmla="*/ 10 w 32"/>
              <a:gd name="T9" fmla="*/ 1 h 27"/>
              <a:gd name="T10" fmla="*/ 4 w 32"/>
              <a:gd name="T11" fmla="*/ 1 h 27"/>
              <a:gd name="T12" fmla="*/ 0 w 32"/>
              <a:gd name="T13" fmla="*/ 9 h 27"/>
              <a:gd name="T14" fmla="*/ 1 w 32"/>
              <a:gd name="T15" fmla="*/ 14 h 27"/>
              <a:gd name="T16" fmla="*/ 9 w 32"/>
              <a:gd name="T17" fmla="*/ 12 h 27"/>
              <a:gd name="T18" fmla="*/ 11 w 32"/>
              <a:gd name="T19" fmla="*/ 11 h 27"/>
              <a:gd name="T20" fmla="*/ 14 w 32"/>
              <a:gd name="T21" fmla="*/ 17 h 27"/>
              <a:gd name="T22" fmla="*/ 13 w 32"/>
              <a:gd name="T23" fmla="*/ 21 h 27"/>
              <a:gd name="T24" fmla="*/ 20 w 32"/>
              <a:gd name="T25" fmla="*/ 21 h 27"/>
              <a:gd name="T26" fmla="*/ 26 w 32"/>
              <a:gd name="T27" fmla="*/ 21 h 27"/>
              <a:gd name="T28" fmla="*/ 29 w 32"/>
              <a:gd name="T29" fmla="*/ 26 h 27"/>
              <a:gd name="T30" fmla="*/ 31 w 32"/>
              <a:gd name="T31" fmla="*/ 25 h 27"/>
              <a:gd name="T32" fmla="*/ 28 w 32"/>
              <a:gd name="T33" fmla="*/ 16 h 27"/>
              <a:gd name="T34" fmla="*/ 31 w 32"/>
              <a:gd name="T35" fmla="*/ 13 h 27"/>
              <a:gd name="T36" fmla="*/ 32 w 32"/>
              <a:gd name="T37" fmla="*/ 11 h 27"/>
              <a:gd name="T38" fmla="*/ 28 w 32"/>
              <a:gd name="T39" fmla="*/ 10 h 27"/>
              <a:gd name="T40" fmla="*/ 20 w 32"/>
              <a:gd name="T41" fmla="*/ 9 h 27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60000 65536"/>
              <a:gd name="T55" fmla="*/ 0 60000 65536"/>
              <a:gd name="T56" fmla="*/ 0 60000 65536"/>
              <a:gd name="T57" fmla="*/ 0 60000 65536"/>
              <a:gd name="T58" fmla="*/ 0 60000 65536"/>
              <a:gd name="T59" fmla="*/ 0 60000 65536"/>
              <a:gd name="T60" fmla="*/ 0 60000 65536"/>
              <a:gd name="T61" fmla="*/ 0 60000 65536"/>
              <a:gd name="T62" fmla="*/ 0 60000 65536"/>
              <a:gd name="T63" fmla="*/ 0 w 32"/>
              <a:gd name="T64" fmla="*/ 0 h 27"/>
              <a:gd name="T65" fmla="*/ 32 w 32"/>
              <a:gd name="T66" fmla="*/ 27 h 27"/>
            </a:gdLst>
            <a:ahLst/>
            <a:cxnLst>
              <a:cxn ang="T42">
                <a:pos x="T0" y="T1"/>
              </a:cxn>
              <a:cxn ang="T43">
                <a:pos x="T2" y="T3"/>
              </a:cxn>
              <a:cxn ang="T44">
                <a:pos x="T4" y="T5"/>
              </a:cxn>
              <a:cxn ang="T45">
                <a:pos x="T6" y="T7"/>
              </a:cxn>
              <a:cxn ang="T46">
                <a:pos x="T8" y="T9"/>
              </a:cxn>
              <a:cxn ang="T47">
                <a:pos x="T10" y="T11"/>
              </a:cxn>
              <a:cxn ang="T48">
                <a:pos x="T12" y="T13"/>
              </a:cxn>
              <a:cxn ang="T49">
                <a:pos x="T14" y="T15"/>
              </a:cxn>
              <a:cxn ang="T50">
                <a:pos x="T16" y="T17"/>
              </a:cxn>
              <a:cxn ang="T51">
                <a:pos x="T18" y="T19"/>
              </a:cxn>
              <a:cxn ang="T52">
                <a:pos x="T20" y="T21"/>
              </a:cxn>
              <a:cxn ang="T53">
                <a:pos x="T22" y="T23"/>
              </a:cxn>
              <a:cxn ang="T54">
                <a:pos x="T24" y="T25"/>
              </a:cxn>
              <a:cxn ang="T55">
                <a:pos x="T26" y="T27"/>
              </a:cxn>
              <a:cxn ang="T56">
                <a:pos x="T28" y="T29"/>
              </a:cxn>
              <a:cxn ang="T57">
                <a:pos x="T30" y="T31"/>
              </a:cxn>
              <a:cxn ang="T58">
                <a:pos x="T32" y="T33"/>
              </a:cxn>
              <a:cxn ang="T59">
                <a:pos x="T34" y="T35"/>
              </a:cxn>
              <a:cxn ang="T60">
                <a:pos x="T36" y="T37"/>
              </a:cxn>
              <a:cxn ang="T61">
                <a:pos x="T38" y="T39"/>
              </a:cxn>
              <a:cxn ang="T62">
                <a:pos x="T40" y="T41"/>
              </a:cxn>
            </a:cxnLst>
            <a:rect l="T63" t="T64" r="T65" b="T66"/>
            <a:pathLst>
              <a:path w="32" h="27">
                <a:moveTo>
                  <a:pt x="20" y="9"/>
                </a:moveTo>
                <a:cubicBezTo>
                  <a:pt x="18" y="8"/>
                  <a:pt x="17" y="7"/>
                  <a:pt x="16" y="6"/>
                </a:cubicBezTo>
                <a:cubicBezTo>
                  <a:pt x="15" y="5"/>
                  <a:pt x="16" y="5"/>
                  <a:pt x="16" y="4"/>
                </a:cubicBezTo>
                <a:cubicBezTo>
                  <a:pt x="16" y="3"/>
                  <a:pt x="17" y="1"/>
                  <a:pt x="16" y="1"/>
                </a:cubicBezTo>
                <a:cubicBezTo>
                  <a:pt x="15" y="1"/>
                  <a:pt x="12" y="1"/>
                  <a:pt x="10" y="1"/>
                </a:cubicBezTo>
                <a:cubicBezTo>
                  <a:pt x="8" y="1"/>
                  <a:pt x="6" y="0"/>
                  <a:pt x="4" y="1"/>
                </a:cubicBezTo>
                <a:cubicBezTo>
                  <a:pt x="2" y="2"/>
                  <a:pt x="0" y="7"/>
                  <a:pt x="0" y="9"/>
                </a:cubicBezTo>
                <a:cubicBezTo>
                  <a:pt x="0" y="11"/>
                  <a:pt x="0" y="14"/>
                  <a:pt x="1" y="14"/>
                </a:cubicBezTo>
                <a:cubicBezTo>
                  <a:pt x="2" y="14"/>
                  <a:pt x="7" y="13"/>
                  <a:pt x="9" y="12"/>
                </a:cubicBezTo>
                <a:cubicBezTo>
                  <a:pt x="11" y="11"/>
                  <a:pt x="10" y="10"/>
                  <a:pt x="11" y="11"/>
                </a:cubicBezTo>
                <a:cubicBezTo>
                  <a:pt x="12" y="12"/>
                  <a:pt x="14" y="15"/>
                  <a:pt x="14" y="17"/>
                </a:cubicBezTo>
                <a:cubicBezTo>
                  <a:pt x="14" y="19"/>
                  <a:pt x="12" y="20"/>
                  <a:pt x="13" y="21"/>
                </a:cubicBezTo>
                <a:cubicBezTo>
                  <a:pt x="14" y="22"/>
                  <a:pt x="18" y="21"/>
                  <a:pt x="20" y="21"/>
                </a:cubicBezTo>
                <a:cubicBezTo>
                  <a:pt x="22" y="21"/>
                  <a:pt x="25" y="20"/>
                  <a:pt x="26" y="21"/>
                </a:cubicBezTo>
                <a:cubicBezTo>
                  <a:pt x="27" y="22"/>
                  <a:pt x="28" y="25"/>
                  <a:pt x="29" y="26"/>
                </a:cubicBezTo>
                <a:cubicBezTo>
                  <a:pt x="30" y="27"/>
                  <a:pt x="31" y="27"/>
                  <a:pt x="31" y="25"/>
                </a:cubicBezTo>
                <a:cubicBezTo>
                  <a:pt x="31" y="23"/>
                  <a:pt x="28" y="18"/>
                  <a:pt x="28" y="16"/>
                </a:cubicBezTo>
                <a:cubicBezTo>
                  <a:pt x="28" y="14"/>
                  <a:pt x="30" y="14"/>
                  <a:pt x="31" y="13"/>
                </a:cubicBezTo>
                <a:cubicBezTo>
                  <a:pt x="32" y="12"/>
                  <a:pt x="32" y="11"/>
                  <a:pt x="32" y="11"/>
                </a:cubicBezTo>
                <a:cubicBezTo>
                  <a:pt x="32" y="11"/>
                  <a:pt x="30" y="10"/>
                  <a:pt x="28" y="10"/>
                </a:cubicBezTo>
                <a:cubicBezTo>
                  <a:pt x="26" y="10"/>
                  <a:pt x="22" y="10"/>
                  <a:pt x="20" y="9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7" name="Freeform 215"/>
          <xdr:cNvSpPr>
            <a:spLocks/>
          </xdr:cNvSpPr>
        </xdr:nvSpPr>
        <xdr:spPr bwMode="auto">
          <a:xfrm>
            <a:off x="436" y="216"/>
            <a:ext cx="55" cy="26"/>
          </a:xfrm>
          <a:custGeom>
            <a:avLst/>
            <a:gdLst>
              <a:gd name="T0" fmla="*/ 37 w 55"/>
              <a:gd name="T1" fmla="*/ 10 h 26"/>
              <a:gd name="T2" fmla="*/ 41 w 55"/>
              <a:gd name="T3" fmla="*/ 9 h 26"/>
              <a:gd name="T4" fmla="*/ 45 w 55"/>
              <a:gd name="T5" fmla="*/ 9 h 26"/>
              <a:gd name="T6" fmla="*/ 47 w 55"/>
              <a:gd name="T7" fmla="*/ 10 h 26"/>
              <a:gd name="T8" fmla="*/ 42 w 55"/>
              <a:gd name="T9" fmla="*/ 14 h 26"/>
              <a:gd name="T10" fmla="*/ 50 w 55"/>
              <a:gd name="T11" fmla="*/ 18 h 26"/>
              <a:gd name="T12" fmla="*/ 53 w 55"/>
              <a:gd name="T13" fmla="*/ 20 h 26"/>
              <a:gd name="T14" fmla="*/ 53 w 55"/>
              <a:gd name="T15" fmla="*/ 23 h 26"/>
              <a:gd name="T16" fmla="*/ 40 w 55"/>
              <a:gd name="T17" fmla="*/ 24 h 26"/>
              <a:gd name="T18" fmla="*/ 36 w 55"/>
              <a:gd name="T19" fmla="*/ 21 h 26"/>
              <a:gd name="T20" fmla="*/ 31 w 55"/>
              <a:gd name="T21" fmla="*/ 25 h 26"/>
              <a:gd name="T22" fmla="*/ 23 w 55"/>
              <a:gd name="T23" fmla="*/ 25 h 26"/>
              <a:gd name="T24" fmla="*/ 21 w 55"/>
              <a:gd name="T25" fmla="*/ 20 h 26"/>
              <a:gd name="T26" fmla="*/ 17 w 55"/>
              <a:gd name="T27" fmla="*/ 19 h 26"/>
              <a:gd name="T28" fmla="*/ 16 w 55"/>
              <a:gd name="T29" fmla="*/ 14 h 26"/>
              <a:gd name="T30" fmla="*/ 13 w 55"/>
              <a:gd name="T31" fmla="*/ 15 h 26"/>
              <a:gd name="T32" fmla="*/ 10 w 55"/>
              <a:gd name="T33" fmla="*/ 8 h 26"/>
              <a:gd name="T34" fmla="*/ 9 w 55"/>
              <a:gd name="T35" fmla="*/ 6 h 26"/>
              <a:gd name="T36" fmla="*/ 5 w 55"/>
              <a:gd name="T37" fmla="*/ 6 h 26"/>
              <a:gd name="T38" fmla="*/ 3 w 55"/>
              <a:gd name="T39" fmla="*/ 10 h 26"/>
              <a:gd name="T40" fmla="*/ 0 w 55"/>
              <a:gd name="T41" fmla="*/ 9 h 26"/>
              <a:gd name="T42" fmla="*/ 2 w 55"/>
              <a:gd name="T43" fmla="*/ 2 h 26"/>
              <a:gd name="T44" fmla="*/ 9 w 55"/>
              <a:gd name="T45" fmla="*/ 1 h 26"/>
              <a:gd name="T46" fmla="*/ 16 w 55"/>
              <a:gd name="T47" fmla="*/ 6 h 26"/>
              <a:gd name="T48" fmla="*/ 22 w 55"/>
              <a:gd name="T49" fmla="*/ 10 h 26"/>
              <a:gd name="T50" fmla="*/ 24 w 55"/>
              <a:gd name="T51" fmla="*/ 13 h 26"/>
              <a:gd name="T52" fmla="*/ 26 w 55"/>
              <a:gd name="T53" fmla="*/ 16 h 26"/>
              <a:gd name="T54" fmla="*/ 32 w 55"/>
              <a:gd name="T55" fmla="*/ 18 h 26"/>
              <a:gd name="T56" fmla="*/ 34 w 55"/>
              <a:gd name="T57" fmla="*/ 12 h 26"/>
              <a:gd name="T58" fmla="*/ 37 w 55"/>
              <a:gd name="T59" fmla="*/ 10 h 26"/>
              <a:gd name="T60" fmla="*/ 0 60000 65536"/>
              <a:gd name="T61" fmla="*/ 0 60000 65536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w 55"/>
              <a:gd name="T91" fmla="*/ 0 h 26"/>
              <a:gd name="T92" fmla="*/ 55 w 55"/>
              <a:gd name="T93" fmla="*/ 26 h 26"/>
            </a:gdLst>
            <a:ahLst/>
            <a:cxnLst>
              <a:cxn ang="T60">
                <a:pos x="T0" y="T1"/>
              </a:cxn>
              <a:cxn ang="T61">
                <a:pos x="T2" y="T3"/>
              </a:cxn>
              <a:cxn ang="T62">
                <a:pos x="T4" y="T5"/>
              </a:cxn>
              <a:cxn ang="T63">
                <a:pos x="T6" y="T7"/>
              </a:cxn>
              <a:cxn ang="T64">
                <a:pos x="T8" y="T9"/>
              </a:cxn>
              <a:cxn ang="T65">
                <a:pos x="T10" y="T11"/>
              </a:cxn>
              <a:cxn ang="T66">
                <a:pos x="T12" y="T13"/>
              </a:cxn>
              <a:cxn ang="T67">
                <a:pos x="T14" y="T15"/>
              </a:cxn>
              <a:cxn ang="T68">
                <a:pos x="T16" y="T17"/>
              </a:cxn>
              <a:cxn ang="T69">
                <a:pos x="T18" y="T19"/>
              </a:cxn>
              <a:cxn ang="T70">
                <a:pos x="T20" y="T21"/>
              </a:cxn>
              <a:cxn ang="T71">
                <a:pos x="T22" y="T23"/>
              </a:cxn>
              <a:cxn ang="T72">
                <a:pos x="T24" y="T25"/>
              </a:cxn>
              <a:cxn ang="T73">
                <a:pos x="T26" y="T27"/>
              </a:cxn>
              <a:cxn ang="T74">
                <a:pos x="T28" y="T29"/>
              </a:cxn>
              <a:cxn ang="T75">
                <a:pos x="T30" y="T31"/>
              </a:cxn>
              <a:cxn ang="T76">
                <a:pos x="T32" y="T33"/>
              </a:cxn>
              <a:cxn ang="T77">
                <a:pos x="T34" y="T35"/>
              </a:cxn>
              <a:cxn ang="T78">
                <a:pos x="T36" y="T37"/>
              </a:cxn>
              <a:cxn ang="T79">
                <a:pos x="T38" y="T39"/>
              </a:cxn>
              <a:cxn ang="T80">
                <a:pos x="T40" y="T41"/>
              </a:cxn>
              <a:cxn ang="T81">
                <a:pos x="T42" y="T43"/>
              </a:cxn>
              <a:cxn ang="T82">
                <a:pos x="T44" y="T45"/>
              </a:cxn>
              <a:cxn ang="T83">
                <a:pos x="T46" y="T47"/>
              </a:cxn>
              <a:cxn ang="T84">
                <a:pos x="T48" y="T49"/>
              </a:cxn>
              <a:cxn ang="T85">
                <a:pos x="T50" y="T51"/>
              </a:cxn>
              <a:cxn ang="T86">
                <a:pos x="T52" y="T53"/>
              </a:cxn>
              <a:cxn ang="T87">
                <a:pos x="T54" y="T55"/>
              </a:cxn>
              <a:cxn ang="T88">
                <a:pos x="T56" y="T57"/>
              </a:cxn>
              <a:cxn ang="T89">
                <a:pos x="T58" y="T59"/>
              </a:cxn>
            </a:cxnLst>
            <a:rect l="T90" t="T91" r="T92" b="T93"/>
            <a:pathLst>
              <a:path w="55" h="26">
                <a:moveTo>
                  <a:pt x="37" y="10"/>
                </a:moveTo>
                <a:cubicBezTo>
                  <a:pt x="38" y="10"/>
                  <a:pt x="40" y="9"/>
                  <a:pt x="41" y="9"/>
                </a:cubicBezTo>
                <a:cubicBezTo>
                  <a:pt x="42" y="9"/>
                  <a:pt x="44" y="9"/>
                  <a:pt x="45" y="9"/>
                </a:cubicBezTo>
                <a:cubicBezTo>
                  <a:pt x="46" y="9"/>
                  <a:pt x="47" y="9"/>
                  <a:pt x="47" y="10"/>
                </a:cubicBezTo>
                <a:cubicBezTo>
                  <a:pt x="47" y="11"/>
                  <a:pt x="42" y="13"/>
                  <a:pt x="42" y="14"/>
                </a:cubicBezTo>
                <a:cubicBezTo>
                  <a:pt x="42" y="15"/>
                  <a:pt x="48" y="17"/>
                  <a:pt x="50" y="18"/>
                </a:cubicBezTo>
                <a:cubicBezTo>
                  <a:pt x="52" y="19"/>
                  <a:pt x="53" y="19"/>
                  <a:pt x="53" y="20"/>
                </a:cubicBezTo>
                <a:cubicBezTo>
                  <a:pt x="53" y="21"/>
                  <a:pt x="55" y="22"/>
                  <a:pt x="53" y="23"/>
                </a:cubicBezTo>
                <a:cubicBezTo>
                  <a:pt x="51" y="24"/>
                  <a:pt x="43" y="24"/>
                  <a:pt x="40" y="24"/>
                </a:cubicBezTo>
                <a:cubicBezTo>
                  <a:pt x="37" y="24"/>
                  <a:pt x="37" y="21"/>
                  <a:pt x="36" y="21"/>
                </a:cubicBezTo>
                <a:cubicBezTo>
                  <a:pt x="35" y="21"/>
                  <a:pt x="33" y="24"/>
                  <a:pt x="31" y="25"/>
                </a:cubicBezTo>
                <a:cubicBezTo>
                  <a:pt x="29" y="26"/>
                  <a:pt x="25" y="26"/>
                  <a:pt x="23" y="25"/>
                </a:cubicBezTo>
                <a:cubicBezTo>
                  <a:pt x="21" y="24"/>
                  <a:pt x="22" y="21"/>
                  <a:pt x="21" y="20"/>
                </a:cubicBezTo>
                <a:cubicBezTo>
                  <a:pt x="20" y="19"/>
                  <a:pt x="18" y="20"/>
                  <a:pt x="17" y="19"/>
                </a:cubicBezTo>
                <a:cubicBezTo>
                  <a:pt x="16" y="18"/>
                  <a:pt x="17" y="15"/>
                  <a:pt x="16" y="14"/>
                </a:cubicBezTo>
                <a:cubicBezTo>
                  <a:pt x="15" y="13"/>
                  <a:pt x="14" y="16"/>
                  <a:pt x="13" y="15"/>
                </a:cubicBezTo>
                <a:cubicBezTo>
                  <a:pt x="12" y="14"/>
                  <a:pt x="11" y="9"/>
                  <a:pt x="10" y="8"/>
                </a:cubicBezTo>
                <a:cubicBezTo>
                  <a:pt x="9" y="7"/>
                  <a:pt x="10" y="6"/>
                  <a:pt x="9" y="6"/>
                </a:cubicBezTo>
                <a:cubicBezTo>
                  <a:pt x="8" y="6"/>
                  <a:pt x="6" y="5"/>
                  <a:pt x="5" y="6"/>
                </a:cubicBezTo>
                <a:cubicBezTo>
                  <a:pt x="4" y="7"/>
                  <a:pt x="4" y="10"/>
                  <a:pt x="3" y="10"/>
                </a:cubicBezTo>
                <a:cubicBezTo>
                  <a:pt x="2" y="10"/>
                  <a:pt x="0" y="10"/>
                  <a:pt x="0" y="9"/>
                </a:cubicBezTo>
                <a:cubicBezTo>
                  <a:pt x="0" y="8"/>
                  <a:pt x="1" y="3"/>
                  <a:pt x="2" y="2"/>
                </a:cubicBezTo>
                <a:cubicBezTo>
                  <a:pt x="3" y="1"/>
                  <a:pt x="7" y="0"/>
                  <a:pt x="9" y="1"/>
                </a:cubicBezTo>
                <a:cubicBezTo>
                  <a:pt x="11" y="2"/>
                  <a:pt x="14" y="5"/>
                  <a:pt x="16" y="6"/>
                </a:cubicBezTo>
                <a:cubicBezTo>
                  <a:pt x="18" y="7"/>
                  <a:pt x="21" y="9"/>
                  <a:pt x="22" y="10"/>
                </a:cubicBezTo>
                <a:cubicBezTo>
                  <a:pt x="23" y="11"/>
                  <a:pt x="23" y="12"/>
                  <a:pt x="24" y="13"/>
                </a:cubicBezTo>
                <a:cubicBezTo>
                  <a:pt x="25" y="14"/>
                  <a:pt x="25" y="15"/>
                  <a:pt x="26" y="16"/>
                </a:cubicBezTo>
                <a:cubicBezTo>
                  <a:pt x="27" y="17"/>
                  <a:pt x="31" y="19"/>
                  <a:pt x="32" y="18"/>
                </a:cubicBezTo>
                <a:cubicBezTo>
                  <a:pt x="33" y="17"/>
                  <a:pt x="33" y="13"/>
                  <a:pt x="34" y="12"/>
                </a:cubicBezTo>
                <a:cubicBezTo>
                  <a:pt x="35" y="11"/>
                  <a:pt x="36" y="10"/>
                  <a:pt x="37" y="10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8" name="Freeform 216"/>
          <xdr:cNvSpPr>
            <a:spLocks/>
          </xdr:cNvSpPr>
        </xdr:nvSpPr>
        <xdr:spPr bwMode="auto">
          <a:xfrm>
            <a:off x="171" y="483"/>
            <a:ext cx="46" cy="21"/>
          </a:xfrm>
          <a:custGeom>
            <a:avLst/>
            <a:gdLst>
              <a:gd name="T0" fmla="*/ 0 w 46"/>
              <a:gd name="T1" fmla="*/ 11 h 21"/>
              <a:gd name="T2" fmla="*/ 6 w 46"/>
              <a:gd name="T3" fmla="*/ 3 h 21"/>
              <a:gd name="T4" fmla="*/ 18 w 46"/>
              <a:gd name="T5" fmla="*/ 3 h 21"/>
              <a:gd name="T6" fmla="*/ 24 w 46"/>
              <a:gd name="T7" fmla="*/ 7 h 21"/>
              <a:gd name="T8" fmla="*/ 28 w 46"/>
              <a:gd name="T9" fmla="*/ 12 h 21"/>
              <a:gd name="T10" fmla="*/ 32 w 46"/>
              <a:gd name="T11" fmla="*/ 13 h 21"/>
              <a:gd name="T12" fmla="*/ 30 w 46"/>
              <a:gd name="T13" fmla="*/ 5 h 21"/>
              <a:gd name="T14" fmla="*/ 31 w 46"/>
              <a:gd name="T15" fmla="*/ 0 h 21"/>
              <a:gd name="T16" fmla="*/ 35 w 46"/>
              <a:gd name="T17" fmla="*/ 6 h 21"/>
              <a:gd name="T18" fmla="*/ 39 w 46"/>
              <a:gd name="T19" fmla="*/ 9 h 21"/>
              <a:gd name="T20" fmla="*/ 46 w 46"/>
              <a:gd name="T21" fmla="*/ 11 h 21"/>
              <a:gd name="T22" fmla="*/ 37 w 46"/>
              <a:gd name="T23" fmla="*/ 17 h 21"/>
              <a:gd name="T24" fmla="*/ 33 w 46"/>
              <a:gd name="T25" fmla="*/ 17 h 21"/>
              <a:gd name="T26" fmla="*/ 29 w 46"/>
              <a:gd name="T27" fmla="*/ 21 h 21"/>
              <a:gd name="T28" fmla="*/ 23 w 46"/>
              <a:gd name="T29" fmla="*/ 15 h 21"/>
              <a:gd name="T30" fmla="*/ 18 w 46"/>
              <a:gd name="T31" fmla="*/ 11 h 21"/>
              <a:gd name="T32" fmla="*/ 5 w 46"/>
              <a:gd name="T33" fmla="*/ 10 h 21"/>
              <a:gd name="T34" fmla="*/ 0 w 46"/>
              <a:gd name="T35" fmla="*/ 11 h 21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w 46"/>
              <a:gd name="T55" fmla="*/ 0 h 21"/>
              <a:gd name="T56" fmla="*/ 46 w 46"/>
              <a:gd name="T57" fmla="*/ 21 h 21"/>
            </a:gdLst>
            <a:ahLst/>
            <a:cxnLst>
              <a:cxn ang="T36">
                <a:pos x="T0" y="T1"/>
              </a:cxn>
              <a:cxn ang="T37">
                <a:pos x="T2" y="T3"/>
              </a:cxn>
              <a:cxn ang="T38">
                <a:pos x="T4" y="T5"/>
              </a:cxn>
              <a:cxn ang="T39">
                <a:pos x="T6" y="T7"/>
              </a:cxn>
              <a:cxn ang="T40">
                <a:pos x="T8" y="T9"/>
              </a:cxn>
              <a:cxn ang="T41">
                <a:pos x="T10" y="T11"/>
              </a:cxn>
              <a:cxn ang="T42">
                <a:pos x="T12" y="T13"/>
              </a:cxn>
              <a:cxn ang="T43">
                <a:pos x="T14" y="T15"/>
              </a:cxn>
              <a:cxn ang="T44">
                <a:pos x="T16" y="T17"/>
              </a:cxn>
              <a:cxn ang="T45">
                <a:pos x="T18" y="T19"/>
              </a:cxn>
              <a:cxn ang="T46">
                <a:pos x="T20" y="T21"/>
              </a:cxn>
              <a:cxn ang="T47">
                <a:pos x="T22" y="T23"/>
              </a:cxn>
              <a:cxn ang="T48">
                <a:pos x="T24" y="T25"/>
              </a:cxn>
              <a:cxn ang="T49">
                <a:pos x="T26" y="T27"/>
              </a:cxn>
              <a:cxn ang="T50">
                <a:pos x="T28" y="T29"/>
              </a:cxn>
              <a:cxn ang="T51">
                <a:pos x="T30" y="T31"/>
              </a:cxn>
              <a:cxn ang="T52">
                <a:pos x="T32" y="T33"/>
              </a:cxn>
              <a:cxn ang="T53">
                <a:pos x="T34" y="T35"/>
              </a:cxn>
            </a:cxnLst>
            <a:rect l="T54" t="T55" r="T56" b="T57"/>
            <a:pathLst>
              <a:path w="46" h="21">
                <a:moveTo>
                  <a:pt x="0" y="11"/>
                </a:moveTo>
                <a:cubicBezTo>
                  <a:pt x="0" y="10"/>
                  <a:pt x="3" y="4"/>
                  <a:pt x="6" y="3"/>
                </a:cubicBezTo>
                <a:cubicBezTo>
                  <a:pt x="9" y="2"/>
                  <a:pt x="15" y="2"/>
                  <a:pt x="18" y="3"/>
                </a:cubicBezTo>
                <a:cubicBezTo>
                  <a:pt x="21" y="4"/>
                  <a:pt x="22" y="6"/>
                  <a:pt x="24" y="7"/>
                </a:cubicBezTo>
                <a:cubicBezTo>
                  <a:pt x="26" y="8"/>
                  <a:pt x="27" y="11"/>
                  <a:pt x="28" y="12"/>
                </a:cubicBezTo>
                <a:cubicBezTo>
                  <a:pt x="29" y="13"/>
                  <a:pt x="32" y="14"/>
                  <a:pt x="32" y="13"/>
                </a:cubicBezTo>
                <a:cubicBezTo>
                  <a:pt x="32" y="12"/>
                  <a:pt x="30" y="7"/>
                  <a:pt x="30" y="5"/>
                </a:cubicBezTo>
                <a:cubicBezTo>
                  <a:pt x="30" y="3"/>
                  <a:pt x="30" y="0"/>
                  <a:pt x="31" y="0"/>
                </a:cubicBezTo>
                <a:cubicBezTo>
                  <a:pt x="32" y="0"/>
                  <a:pt x="34" y="5"/>
                  <a:pt x="35" y="6"/>
                </a:cubicBezTo>
                <a:cubicBezTo>
                  <a:pt x="36" y="7"/>
                  <a:pt x="37" y="8"/>
                  <a:pt x="39" y="9"/>
                </a:cubicBezTo>
                <a:cubicBezTo>
                  <a:pt x="41" y="10"/>
                  <a:pt x="46" y="10"/>
                  <a:pt x="46" y="11"/>
                </a:cubicBezTo>
                <a:cubicBezTo>
                  <a:pt x="46" y="12"/>
                  <a:pt x="39" y="16"/>
                  <a:pt x="37" y="17"/>
                </a:cubicBezTo>
                <a:cubicBezTo>
                  <a:pt x="35" y="18"/>
                  <a:pt x="34" y="16"/>
                  <a:pt x="33" y="17"/>
                </a:cubicBezTo>
                <a:cubicBezTo>
                  <a:pt x="32" y="18"/>
                  <a:pt x="31" y="21"/>
                  <a:pt x="29" y="21"/>
                </a:cubicBezTo>
                <a:cubicBezTo>
                  <a:pt x="27" y="21"/>
                  <a:pt x="25" y="17"/>
                  <a:pt x="23" y="15"/>
                </a:cubicBezTo>
                <a:cubicBezTo>
                  <a:pt x="21" y="13"/>
                  <a:pt x="21" y="12"/>
                  <a:pt x="18" y="11"/>
                </a:cubicBezTo>
                <a:cubicBezTo>
                  <a:pt x="15" y="10"/>
                  <a:pt x="8" y="10"/>
                  <a:pt x="5" y="10"/>
                </a:cubicBezTo>
                <a:cubicBezTo>
                  <a:pt x="2" y="10"/>
                  <a:pt x="0" y="12"/>
                  <a:pt x="0" y="11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9" name="Freeform 217"/>
          <xdr:cNvSpPr>
            <a:spLocks/>
          </xdr:cNvSpPr>
        </xdr:nvSpPr>
        <xdr:spPr bwMode="auto">
          <a:xfrm>
            <a:off x="400" y="289"/>
            <a:ext cx="71" cy="89"/>
          </a:xfrm>
          <a:custGeom>
            <a:avLst/>
            <a:gdLst>
              <a:gd name="T0" fmla="*/ 0 w 1589"/>
              <a:gd name="T1" fmla="*/ 0 h 2074"/>
              <a:gd name="T2" fmla="*/ 0 w 1589"/>
              <a:gd name="T3" fmla="*/ 0 h 2074"/>
              <a:gd name="T4" fmla="*/ 0 w 1589"/>
              <a:gd name="T5" fmla="*/ 0 h 2074"/>
              <a:gd name="T6" fmla="*/ 0 w 1589"/>
              <a:gd name="T7" fmla="*/ 0 h 2074"/>
              <a:gd name="T8" fmla="*/ 0 w 1589"/>
              <a:gd name="T9" fmla="*/ 0 h 2074"/>
              <a:gd name="T10" fmla="*/ 0 w 1589"/>
              <a:gd name="T11" fmla="*/ 0 h 2074"/>
              <a:gd name="T12" fmla="*/ 0 w 1589"/>
              <a:gd name="T13" fmla="*/ 0 h 2074"/>
              <a:gd name="T14" fmla="*/ 0 w 1589"/>
              <a:gd name="T15" fmla="*/ 0 h 2074"/>
              <a:gd name="T16" fmla="*/ 0 w 1589"/>
              <a:gd name="T17" fmla="*/ 0 h 2074"/>
              <a:gd name="T18" fmla="*/ 0 w 1589"/>
              <a:gd name="T19" fmla="*/ 0 h 2074"/>
              <a:gd name="T20" fmla="*/ 0 w 1589"/>
              <a:gd name="T21" fmla="*/ 0 h 2074"/>
              <a:gd name="T22" fmla="*/ 0 w 1589"/>
              <a:gd name="T23" fmla="*/ 0 h 2074"/>
              <a:gd name="T24" fmla="*/ 0 w 1589"/>
              <a:gd name="T25" fmla="*/ 0 h 2074"/>
              <a:gd name="T26" fmla="*/ 0 w 1589"/>
              <a:gd name="T27" fmla="*/ 0 h 2074"/>
              <a:gd name="T28" fmla="*/ 0 w 1589"/>
              <a:gd name="T29" fmla="*/ 0 h 2074"/>
              <a:gd name="T30" fmla="*/ 0 w 1589"/>
              <a:gd name="T31" fmla="*/ 0 h 2074"/>
              <a:gd name="T32" fmla="*/ 0 w 1589"/>
              <a:gd name="T33" fmla="*/ 0 h 2074"/>
              <a:gd name="T34" fmla="*/ 0 w 1589"/>
              <a:gd name="T35" fmla="*/ 0 h 2074"/>
              <a:gd name="T36" fmla="*/ 0 w 1589"/>
              <a:gd name="T37" fmla="*/ 0 h 2074"/>
              <a:gd name="T38" fmla="*/ 0 w 1589"/>
              <a:gd name="T39" fmla="*/ 0 h 2074"/>
              <a:gd name="T40" fmla="*/ 0 w 1589"/>
              <a:gd name="T41" fmla="*/ 0 h 2074"/>
              <a:gd name="T42" fmla="*/ 0 w 1589"/>
              <a:gd name="T43" fmla="*/ 0 h 2074"/>
              <a:gd name="T44" fmla="*/ 0 w 1589"/>
              <a:gd name="T45" fmla="*/ 0 h 2074"/>
              <a:gd name="T46" fmla="*/ 0 w 1589"/>
              <a:gd name="T47" fmla="*/ 0 h 2074"/>
              <a:gd name="T48" fmla="*/ 0 w 1589"/>
              <a:gd name="T49" fmla="*/ 0 h 2074"/>
              <a:gd name="T50" fmla="*/ 0 w 1589"/>
              <a:gd name="T51" fmla="*/ 0 h 2074"/>
              <a:gd name="T52" fmla="*/ 0 w 1589"/>
              <a:gd name="T53" fmla="*/ 0 h 2074"/>
              <a:gd name="T54" fmla="*/ 0 w 1589"/>
              <a:gd name="T55" fmla="*/ 0 h 2074"/>
              <a:gd name="T56" fmla="*/ 0 w 1589"/>
              <a:gd name="T57" fmla="*/ 0 h 2074"/>
              <a:gd name="T58" fmla="*/ 0 w 1589"/>
              <a:gd name="T59" fmla="*/ 0 h 2074"/>
              <a:gd name="T60" fmla="*/ 0 w 1589"/>
              <a:gd name="T61" fmla="*/ 0 h 2074"/>
              <a:gd name="T62" fmla="*/ 0 w 1589"/>
              <a:gd name="T63" fmla="*/ 0 h 2074"/>
              <a:gd name="T64" fmla="*/ 0 w 1589"/>
              <a:gd name="T65" fmla="*/ 0 h 2074"/>
              <a:gd name="T66" fmla="*/ 0 w 1589"/>
              <a:gd name="T67" fmla="*/ 0 h 2074"/>
              <a:gd name="T68" fmla="*/ 0 w 1589"/>
              <a:gd name="T69" fmla="*/ 0 h 2074"/>
              <a:gd name="T70" fmla="*/ 0 w 1589"/>
              <a:gd name="T71" fmla="*/ 0 h 2074"/>
              <a:gd name="T72" fmla="*/ 0 w 1589"/>
              <a:gd name="T73" fmla="*/ 0 h 2074"/>
              <a:gd name="T74" fmla="*/ 0 w 1589"/>
              <a:gd name="T75" fmla="*/ 0 h 2074"/>
              <a:gd name="T76" fmla="*/ 0 w 1589"/>
              <a:gd name="T77" fmla="*/ 0 h 2074"/>
              <a:gd name="T78" fmla="*/ 0 w 1589"/>
              <a:gd name="T79" fmla="*/ 0 h 2074"/>
              <a:gd name="T80" fmla="*/ 0 w 1589"/>
              <a:gd name="T81" fmla="*/ 0 h 2074"/>
              <a:gd name="T82" fmla="*/ 0 w 1589"/>
              <a:gd name="T83" fmla="*/ 0 h 2074"/>
              <a:gd name="T84" fmla="*/ 0 w 1589"/>
              <a:gd name="T85" fmla="*/ 0 h 2074"/>
              <a:gd name="T86" fmla="*/ 0 w 1589"/>
              <a:gd name="T87" fmla="*/ 0 h 2074"/>
              <a:gd name="T88" fmla="*/ 0 w 1589"/>
              <a:gd name="T89" fmla="*/ 0 h 2074"/>
              <a:gd name="T90" fmla="*/ 0 w 1589"/>
              <a:gd name="T91" fmla="*/ 0 h 2074"/>
              <a:gd name="T92" fmla="*/ 0 w 1589"/>
              <a:gd name="T93" fmla="*/ 0 h 2074"/>
              <a:gd name="T94" fmla="*/ 0 w 1589"/>
              <a:gd name="T95" fmla="*/ 0 h 2074"/>
              <a:gd name="T96" fmla="*/ 0 w 1589"/>
              <a:gd name="T97" fmla="*/ 0 h 2074"/>
              <a:gd name="T98" fmla="*/ 0 w 1589"/>
              <a:gd name="T99" fmla="*/ 0 h 2074"/>
              <a:gd name="T100" fmla="*/ 0 w 1589"/>
              <a:gd name="T101" fmla="*/ 0 h 2074"/>
              <a:gd name="T102" fmla="*/ 0 w 1589"/>
              <a:gd name="T103" fmla="*/ 0 h 2074"/>
              <a:gd name="T104" fmla="*/ 0 w 1589"/>
              <a:gd name="T105" fmla="*/ 0 h 2074"/>
              <a:gd name="T106" fmla="*/ 0 w 1589"/>
              <a:gd name="T107" fmla="*/ 0 h 2074"/>
              <a:gd name="T108" fmla="*/ 0 w 1589"/>
              <a:gd name="T109" fmla="*/ 0 h 2074"/>
              <a:gd name="T110" fmla="*/ 0 w 1589"/>
              <a:gd name="T111" fmla="*/ 0 h 2074"/>
              <a:gd name="T112" fmla="*/ 0 w 1589"/>
              <a:gd name="T113" fmla="*/ 0 h 2074"/>
              <a:gd name="T114" fmla="*/ 0 w 1589"/>
              <a:gd name="T115" fmla="*/ 0 h 2074"/>
              <a:gd name="T116" fmla="*/ 0 w 1589"/>
              <a:gd name="T117" fmla="*/ 0 h 2074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w 1589"/>
              <a:gd name="T178" fmla="*/ 0 h 2074"/>
              <a:gd name="T179" fmla="*/ 1589 w 1589"/>
              <a:gd name="T180" fmla="*/ 2074 h 2074"/>
            </a:gdLst>
            <a:ahLst/>
            <a:cxnLst>
              <a:cxn ang="T118">
                <a:pos x="T0" y="T1"/>
              </a:cxn>
              <a:cxn ang="T119">
                <a:pos x="T2" y="T3"/>
              </a:cxn>
              <a:cxn ang="T120">
                <a:pos x="T4" y="T5"/>
              </a:cxn>
              <a:cxn ang="T121">
                <a:pos x="T6" y="T7"/>
              </a:cxn>
              <a:cxn ang="T122">
                <a:pos x="T8" y="T9"/>
              </a:cxn>
              <a:cxn ang="T123">
                <a:pos x="T10" y="T11"/>
              </a:cxn>
              <a:cxn ang="T124">
                <a:pos x="T12" y="T13"/>
              </a:cxn>
              <a:cxn ang="T125">
                <a:pos x="T14" y="T15"/>
              </a:cxn>
              <a:cxn ang="T126">
                <a:pos x="T16" y="T17"/>
              </a:cxn>
              <a:cxn ang="T127">
                <a:pos x="T18" y="T19"/>
              </a:cxn>
              <a:cxn ang="T128">
                <a:pos x="T20" y="T21"/>
              </a:cxn>
              <a:cxn ang="T129">
                <a:pos x="T22" y="T23"/>
              </a:cxn>
              <a:cxn ang="T130">
                <a:pos x="T24" y="T25"/>
              </a:cxn>
              <a:cxn ang="T131">
                <a:pos x="T26" y="T27"/>
              </a:cxn>
              <a:cxn ang="T132">
                <a:pos x="T28" y="T29"/>
              </a:cxn>
              <a:cxn ang="T133">
                <a:pos x="T30" y="T31"/>
              </a:cxn>
              <a:cxn ang="T134">
                <a:pos x="T32" y="T33"/>
              </a:cxn>
              <a:cxn ang="T135">
                <a:pos x="T34" y="T35"/>
              </a:cxn>
              <a:cxn ang="T136">
                <a:pos x="T36" y="T37"/>
              </a:cxn>
              <a:cxn ang="T137">
                <a:pos x="T38" y="T39"/>
              </a:cxn>
              <a:cxn ang="T138">
                <a:pos x="T40" y="T41"/>
              </a:cxn>
              <a:cxn ang="T139">
                <a:pos x="T42" y="T43"/>
              </a:cxn>
              <a:cxn ang="T140">
                <a:pos x="T44" y="T45"/>
              </a:cxn>
              <a:cxn ang="T141">
                <a:pos x="T46" y="T47"/>
              </a:cxn>
              <a:cxn ang="T142">
                <a:pos x="T48" y="T49"/>
              </a:cxn>
              <a:cxn ang="T143">
                <a:pos x="T50" y="T51"/>
              </a:cxn>
              <a:cxn ang="T144">
                <a:pos x="T52" y="T53"/>
              </a:cxn>
              <a:cxn ang="T145">
                <a:pos x="T54" y="T55"/>
              </a:cxn>
              <a:cxn ang="T146">
                <a:pos x="T56" y="T57"/>
              </a:cxn>
              <a:cxn ang="T147">
                <a:pos x="T58" y="T59"/>
              </a:cxn>
              <a:cxn ang="T148">
                <a:pos x="T60" y="T61"/>
              </a:cxn>
              <a:cxn ang="T149">
                <a:pos x="T62" y="T63"/>
              </a:cxn>
              <a:cxn ang="T150">
                <a:pos x="T64" y="T65"/>
              </a:cxn>
              <a:cxn ang="T151">
                <a:pos x="T66" y="T67"/>
              </a:cxn>
              <a:cxn ang="T152">
                <a:pos x="T68" y="T69"/>
              </a:cxn>
              <a:cxn ang="T153">
                <a:pos x="T70" y="T71"/>
              </a:cxn>
              <a:cxn ang="T154">
                <a:pos x="T72" y="T73"/>
              </a:cxn>
              <a:cxn ang="T155">
                <a:pos x="T74" y="T75"/>
              </a:cxn>
              <a:cxn ang="T156">
                <a:pos x="T76" y="T77"/>
              </a:cxn>
              <a:cxn ang="T157">
                <a:pos x="T78" y="T79"/>
              </a:cxn>
              <a:cxn ang="T158">
                <a:pos x="T80" y="T81"/>
              </a:cxn>
              <a:cxn ang="T159">
                <a:pos x="T82" y="T83"/>
              </a:cxn>
              <a:cxn ang="T160">
                <a:pos x="T84" y="T85"/>
              </a:cxn>
              <a:cxn ang="T161">
                <a:pos x="T86" y="T87"/>
              </a:cxn>
              <a:cxn ang="T162">
                <a:pos x="T88" y="T89"/>
              </a:cxn>
              <a:cxn ang="T163">
                <a:pos x="T90" y="T91"/>
              </a:cxn>
              <a:cxn ang="T164">
                <a:pos x="T92" y="T93"/>
              </a:cxn>
              <a:cxn ang="T165">
                <a:pos x="T94" y="T95"/>
              </a:cxn>
              <a:cxn ang="T166">
                <a:pos x="T96" y="T97"/>
              </a:cxn>
              <a:cxn ang="T167">
                <a:pos x="T98" y="T99"/>
              </a:cxn>
              <a:cxn ang="T168">
                <a:pos x="T100" y="T101"/>
              </a:cxn>
              <a:cxn ang="T169">
                <a:pos x="T102" y="T103"/>
              </a:cxn>
              <a:cxn ang="T170">
                <a:pos x="T104" y="T105"/>
              </a:cxn>
              <a:cxn ang="T171">
                <a:pos x="T106" y="T107"/>
              </a:cxn>
              <a:cxn ang="T172">
                <a:pos x="T108" y="T109"/>
              </a:cxn>
              <a:cxn ang="T173">
                <a:pos x="T110" y="T111"/>
              </a:cxn>
              <a:cxn ang="T174">
                <a:pos x="T112" y="T113"/>
              </a:cxn>
              <a:cxn ang="T175">
                <a:pos x="T114" y="T115"/>
              </a:cxn>
              <a:cxn ang="T176">
                <a:pos x="T116" y="T117"/>
              </a:cxn>
            </a:cxnLst>
            <a:rect l="T177" t="T178" r="T179" b="T180"/>
            <a:pathLst>
              <a:path w="1589" h="2074">
                <a:moveTo>
                  <a:pt x="1371" y="65"/>
                </a:moveTo>
                <a:cubicBezTo>
                  <a:pt x="1336" y="35"/>
                  <a:pt x="1251" y="0"/>
                  <a:pt x="1221" y="5"/>
                </a:cubicBezTo>
                <a:cubicBezTo>
                  <a:pt x="1191" y="10"/>
                  <a:pt x="1208" y="68"/>
                  <a:pt x="1191" y="93"/>
                </a:cubicBezTo>
                <a:cubicBezTo>
                  <a:pt x="1174" y="118"/>
                  <a:pt x="1147" y="125"/>
                  <a:pt x="1117" y="153"/>
                </a:cubicBezTo>
                <a:cubicBezTo>
                  <a:pt x="1087" y="181"/>
                  <a:pt x="1036" y="221"/>
                  <a:pt x="1011" y="261"/>
                </a:cubicBezTo>
                <a:cubicBezTo>
                  <a:pt x="986" y="301"/>
                  <a:pt x="989" y="361"/>
                  <a:pt x="967" y="393"/>
                </a:cubicBezTo>
                <a:cubicBezTo>
                  <a:pt x="945" y="425"/>
                  <a:pt x="907" y="443"/>
                  <a:pt x="877" y="453"/>
                </a:cubicBezTo>
                <a:cubicBezTo>
                  <a:pt x="847" y="463"/>
                  <a:pt x="814" y="445"/>
                  <a:pt x="787" y="453"/>
                </a:cubicBezTo>
                <a:cubicBezTo>
                  <a:pt x="760" y="461"/>
                  <a:pt x="751" y="498"/>
                  <a:pt x="711" y="501"/>
                </a:cubicBezTo>
                <a:cubicBezTo>
                  <a:pt x="671" y="504"/>
                  <a:pt x="589" y="489"/>
                  <a:pt x="547" y="469"/>
                </a:cubicBezTo>
                <a:cubicBezTo>
                  <a:pt x="505" y="449"/>
                  <a:pt x="487" y="396"/>
                  <a:pt x="457" y="381"/>
                </a:cubicBezTo>
                <a:cubicBezTo>
                  <a:pt x="427" y="366"/>
                  <a:pt x="395" y="369"/>
                  <a:pt x="367" y="381"/>
                </a:cubicBezTo>
                <a:cubicBezTo>
                  <a:pt x="339" y="393"/>
                  <a:pt x="316" y="428"/>
                  <a:pt x="291" y="453"/>
                </a:cubicBezTo>
                <a:cubicBezTo>
                  <a:pt x="266" y="478"/>
                  <a:pt x="234" y="499"/>
                  <a:pt x="217" y="529"/>
                </a:cubicBezTo>
                <a:cubicBezTo>
                  <a:pt x="200" y="559"/>
                  <a:pt x="205" y="606"/>
                  <a:pt x="187" y="633"/>
                </a:cubicBezTo>
                <a:cubicBezTo>
                  <a:pt x="169" y="660"/>
                  <a:pt x="141" y="663"/>
                  <a:pt x="111" y="693"/>
                </a:cubicBezTo>
                <a:cubicBezTo>
                  <a:pt x="81" y="723"/>
                  <a:pt x="14" y="768"/>
                  <a:pt x="7" y="813"/>
                </a:cubicBezTo>
                <a:cubicBezTo>
                  <a:pt x="0" y="858"/>
                  <a:pt x="45" y="955"/>
                  <a:pt x="67" y="965"/>
                </a:cubicBezTo>
                <a:cubicBezTo>
                  <a:pt x="89" y="975"/>
                  <a:pt x="109" y="900"/>
                  <a:pt x="141" y="873"/>
                </a:cubicBezTo>
                <a:cubicBezTo>
                  <a:pt x="173" y="846"/>
                  <a:pt x="223" y="813"/>
                  <a:pt x="261" y="801"/>
                </a:cubicBezTo>
                <a:cubicBezTo>
                  <a:pt x="299" y="789"/>
                  <a:pt x="322" y="809"/>
                  <a:pt x="367" y="801"/>
                </a:cubicBezTo>
                <a:cubicBezTo>
                  <a:pt x="412" y="793"/>
                  <a:pt x="486" y="748"/>
                  <a:pt x="531" y="753"/>
                </a:cubicBezTo>
                <a:cubicBezTo>
                  <a:pt x="576" y="758"/>
                  <a:pt x="619" y="789"/>
                  <a:pt x="637" y="829"/>
                </a:cubicBezTo>
                <a:cubicBezTo>
                  <a:pt x="655" y="869"/>
                  <a:pt x="637" y="950"/>
                  <a:pt x="637" y="993"/>
                </a:cubicBezTo>
                <a:cubicBezTo>
                  <a:pt x="637" y="1036"/>
                  <a:pt x="610" y="1067"/>
                  <a:pt x="637" y="1085"/>
                </a:cubicBezTo>
                <a:cubicBezTo>
                  <a:pt x="664" y="1103"/>
                  <a:pt x="774" y="1076"/>
                  <a:pt x="801" y="1101"/>
                </a:cubicBezTo>
                <a:cubicBezTo>
                  <a:pt x="828" y="1126"/>
                  <a:pt x="796" y="1188"/>
                  <a:pt x="801" y="1233"/>
                </a:cubicBezTo>
                <a:cubicBezTo>
                  <a:pt x="806" y="1278"/>
                  <a:pt x="823" y="1329"/>
                  <a:pt x="831" y="1369"/>
                </a:cubicBezTo>
                <a:cubicBezTo>
                  <a:pt x="839" y="1409"/>
                  <a:pt x="852" y="1430"/>
                  <a:pt x="847" y="1473"/>
                </a:cubicBezTo>
                <a:cubicBezTo>
                  <a:pt x="842" y="1516"/>
                  <a:pt x="801" y="1582"/>
                  <a:pt x="801" y="1625"/>
                </a:cubicBezTo>
                <a:cubicBezTo>
                  <a:pt x="801" y="1668"/>
                  <a:pt x="852" y="1684"/>
                  <a:pt x="847" y="1729"/>
                </a:cubicBezTo>
                <a:cubicBezTo>
                  <a:pt x="842" y="1774"/>
                  <a:pt x="781" y="1838"/>
                  <a:pt x="771" y="1893"/>
                </a:cubicBezTo>
                <a:cubicBezTo>
                  <a:pt x="761" y="1948"/>
                  <a:pt x="779" y="2048"/>
                  <a:pt x="787" y="2061"/>
                </a:cubicBezTo>
                <a:cubicBezTo>
                  <a:pt x="795" y="2074"/>
                  <a:pt x="807" y="2019"/>
                  <a:pt x="817" y="1969"/>
                </a:cubicBezTo>
                <a:cubicBezTo>
                  <a:pt x="827" y="1919"/>
                  <a:pt x="830" y="1824"/>
                  <a:pt x="847" y="1761"/>
                </a:cubicBezTo>
                <a:cubicBezTo>
                  <a:pt x="864" y="1698"/>
                  <a:pt x="904" y="1661"/>
                  <a:pt x="921" y="1593"/>
                </a:cubicBezTo>
                <a:cubicBezTo>
                  <a:pt x="938" y="1525"/>
                  <a:pt x="946" y="1410"/>
                  <a:pt x="951" y="1353"/>
                </a:cubicBezTo>
                <a:cubicBezTo>
                  <a:pt x="956" y="1296"/>
                  <a:pt x="926" y="1231"/>
                  <a:pt x="951" y="1249"/>
                </a:cubicBezTo>
                <a:cubicBezTo>
                  <a:pt x="976" y="1267"/>
                  <a:pt x="1056" y="1416"/>
                  <a:pt x="1101" y="1461"/>
                </a:cubicBezTo>
                <a:cubicBezTo>
                  <a:pt x="1146" y="1506"/>
                  <a:pt x="1186" y="1494"/>
                  <a:pt x="1221" y="1521"/>
                </a:cubicBezTo>
                <a:cubicBezTo>
                  <a:pt x="1256" y="1548"/>
                  <a:pt x="1286" y="1593"/>
                  <a:pt x="1311" y="1625"/>
                </a:cubicBezTo>
                <a:cubicBezTo>
                  <a:pt x="1336" y="1657"/>
                  <a:pt x="1343" y="1688"/>
                  <a:pt x="1371" y="1713"/>
                </a:cubicBezTo>
                <a:cubicBezTo>
                  <a:pt x="1399" y="1738"/>
                  <a:pt x="1442" y="1758"/>
                  <a:pt x="1477" y="1773"/>
                </a:cubicBezTo>
                <a:cubicBezTo>
                  <a:pt x="1512" y="1788"/>
                  <a:pt x="1589" y="1827"/>
                  <a:pt x="1581" y="1805"/>
                </a:cubicBezTo>
                <a:cubicBezTo>
                  <a:pt x="1573" y="1783"/>
                  <a:pt x="1468" y="1688"/>
                  <a:pt x="1431" y="1641"/>
                </a:cubicBezTo>
                <a:cubicBezTo>
                  <a:pt x="1394" y="1594"/>
                  <a:pt x="1392" y="1564"/>
                  <a:pt x="1357" y="1521"/>
                </a:cubicBezTo>
                <a:cubicBezTo>
                  <a:pt x="1322" y="1478"/>
                  <a:pt x="1259" y="1430"/>
                  <a:pt x="1221" y="1385"/>
                </a:cubicBezTo>
                <a:cubicBezTo>
                  <a:pt x="1183" y="1340"/>
                  <a:pt x="1158" y="1294"/>
                  <a:pt x="1131" y="1249"/>
                </a:cubicBezTo>
                <a:cubicBezTo>
                  <a:pt x="1104" y="1204"/>
                  <a:pt x="1084" y="1163"/>
                  <a:pt x="1057" y="1113"/>
                </a:cubicBezTo>
                <a:cubicBezTo>
                  <a:pt x="1030" y="1063"/>
                  <a:pt x="990" y="991"/>
                  <a:pt x="967" y="949"/>
                </a:cubicBezTo>
                <a:cubicBezTo>
                  <a:pt x="944" y="907"/>
                  <a:pt x="936" y="894"/>
                  <a:pt x="921" y="861"/>
                </a:cubicBezTo>
                <a:cubicBezTo>
                  <a:pt x="906" y="828"/>
                  <a:pt x="867" y="803"/>
                  <a:pt x="877" y="753"/>
                </a:cubicBezTo>
                <a:cubicBezTo>
                  <a:pt x="887" y="703"/>
                  <a:pt x="944" y="593"/>
                  <a:pt x="981" y="561"/>
                </a:cubicBezTo>
                <a:cubicBezTo>
                  <a:pt x="1018" y="529"/>
                  <a:pt x="1076" y="584"/>
                  <a:pt x="1101" y="561"/>
                </a:cubicBezTo>
                <a:cubicBezTo>
                  <a:pt x="1126" y="538"/>
                  <a:pt x="1113" y="470"/>
                  <a:pt x="1131" y="425"/>
                </a:cubicBezTo>
                <a:cubicBezTo>
                  <a:pt x="1149" y="380"/>
                  <a:pt x="1172" y="322"/>
                  <a:pt x="1207" y="289"/>
                </a:cubicBezTo>
                <a:cubicBezTo>
                  <a:pt x="1242" y="256"/>
                  <a:pt x="1304" y="246"/>
                  <a:pt x="1341" y="229"/>
                </a:cubicBezTo>
                <a:cubicBezTo>
                  <a:pt x="1378" y="212"/>
                  <a:pt x="1421" y="215"/>
                  <a:pt x="1431" y="185"/>
                </a:cubicBezTo>
                <a:cubicBezTo>
                  <a:pt x="1441" y="155"/>
                  <a:pt x="1406" y="95"/>
                  <a:pt x="1371" y="65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70" name="Freeform 218"/>
          <xdr:cNvSpPr>
            <a:spLocks/>
          </xdr:cNvSpPr>
        </xdr:nvSpPr>
        <xdr:spPr bwMode="auto">
          <a:xfrm>
            <a:off x="132" y="741"/>
            <a:ext cx="57" cy="73"/>
          </a:xfrm>
          <a:custGeom>
            <a:avLst/>
            <a:gdLst>
              <a:gd name="T0" fmla="*/ 45 w 57"/>
              <a:gd name="T1" fmla="*/ 73 h 73"/>
              <a:gd name="T2" fmla="*/ 43 w 57"/>
              <a:gd name="T3" fmla="*/ 68 h 73"/>
              <a:gd name="T4" fmla="*/ 35 w 57"/>
              <a:gd name="T5" fmla="*/ 68 h 73"/>
              <a:gd name="T6" fmla="*/ 32 w 57"/>
              <a:gd name="T7" fmla="*/ 72 h 73"/>
              <a:gd name="T8" fmla="*/ 28 w 57"/>
              <a:gd name="T9" fmla="*/ 65 h 73"/>
              <a:gd name="T10" fmla="*/ 28 w 57"/>
              <a:gd name="T11" fmla="*/ 60 h 73"/>
              <a:gd name="T12" fmla="*/ 21 w 57"/>
              <a:gd name="T13" fmla="*/ 57 h 73"/>
              <a:gd name="T14" fmla="*/ 21 w 57"/>
              <a:gd name="T15" fmla="*/ 52 h 73"/>
              <a:gd name="T16" fmla="*/ 15 w 57"/>
              <a:gd name="T17" fmla="*/ 47 h 73"/>
              <a:gd name="T18" fmla="*/ 15 w 57"/>
              <a:gd name="T19" fmla="*/ 42 h 73"/>
              <a:gd name="T20" fmla="*/ 15 w 57"/>
              <a:gd name="T21" fmla="*/ 38 h 73"/>
              <a:gd name="T22" fmla="*/ 16 w 57"/>
              <a:gd name="T23" fmla="*/ 33 h 73"/>
              <a:gd name="T24" fmla="*/ 13 w 57"/>
              <a:gd name="T25" fmla="*/ 28 h 73"/>
              <a:gd name="T26" fmla="*/ 7 w 57"/>
              <a:gd name="T27" fmla="*/ 24 h 73"/>
              <a:gd name="T28" fmla="*/ 7 w 57"/>
              <a:gd name="T29" fmla="*/ 20 h 73"/>
              <a:gd name="T30" fmla="*/ 6 w 57"/>
              <a:gd name="T31" fmla="*/ 16 h 73"/>
              <a:gd name="T32" fmla="*/ 1 w 57"/>
              <a:gd name="T33" fmla="*/ 12 h 73"/>
              <a:gd name="T34" fmla="*/ 0 w 57"/>
              <a:gd name="T35" fmla="*/ 6 h 73"/>
              <a:gd name="T36" fmla="*/ 1 w 57"/>
              <a:gd name="T37" fmla="*/ 2 h 73"/>
              <a:gd name="T38" fmla="*/ 6 w 57"/>
              <a:gd name="T39" fmla="*/ 0 h 73"/>
              <a:gd name="T40" fmla="*/ 10 w 57"/>
              <a:gd name="T41" fmla="*/ 1 h 73"/>
              <a:gd name="T42" fmla="*/ 16 w 57"/>
              <a:gd name="T43" fmla="*/ 5 h 73"/>
              <a:gd name="T44" fmla="*/ 16 w 57"/>
              <a:gd name="T45" fmla="*/ 9 h 73"/>
              <a:gd name="T46" fmla="*/ 17 w 57"/>
              <a:gd name="T47" fmla="*/ 17 h 73"/>
              <a:gd name="T48" fmla="*/ 19 w 57"/>
              <a:gd name="T49" fmla="*/ 24 h 73"/>
              <a:gd name="T50" fmla="*/ 23 w 57"/>
              <a:gd name="T51" fmla="*/ 31 h 73"/>
              <a:gd name="T52" fmla="*/ 27 w 57"/>
              <a:gd name="T53" fmla="*/ 37 h 73"/>
              <a:gd name="T54" fmla="*/ 32 w 57"/>
              <a:gd name="T55" fmla="*/ 41 h 73"/>
              <a:gd name="T56" fmla="*/ 38 w 57"/>
              <a:gd name="T57" fmla="*/ 45 h 73"/>
              <a:gd name="T58" fmla="*/ 44 w 57"/>
              <a:gd name="T59" fmla="*/ 49 h 73"/>
              <a:gd name="T60" fmla="*/ 53 w 57"/>
              <a:gd name="T61" fmla="*/ 53 h 73"/>
              <a:gd name="T62" fmla="*/ 57 w 57"/>
              <a:gd name="T63" fmla="*/ 53 h 73"/>
              <a:gd name="T64" fmla="*/ 56 w 57"/>
              <a:gd name="T65" fmla="*/ 57 h 73"/>
              <a:gd name="T66" fmla="*/ 53 w 57"/>
              <a:gd name="T67" fmla="*/ 61 h 73"/>
              <a:gd name="T68" fmla="*/ 47 w 57"/>
              <a:gd name="T69" fmla="*/ 62 h 73"/>
              <a:gd name="T70" fmla="*/ 51 w 57"/>
              <a:gd name="T71" fmla="*/ 67 h 73"/>
              <a:gd name="T72" fmla="*/ 45 w 57"/>
              <a:gd name="T73" fmla="*/ 73 h 73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57"/>
              <a:gd name="T112" fmla="*/ 0 h 73"/>
              <a:gd name="T113" fmla="*/ 57 w 57"/>
              <a:gd name="T114" fmla="*/ 73 h 73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57" h="73">
                <a:moveTo>
                  <a:pt x="45" y="73"/>
                </a:moveTo>
                <a:cubicBezTo>
                  <a:pt x="44" y="73"/>
                  <a:pt x="45" y="69"/>
                  <a:pt x="43" y="68"/>
                </a:cubicBezTo>
                <a:cubicBezTo>
                  <a:pt x="41" y="67"/>
                  <a:pt x="37" y="67"/>
                  <a:pt x="35" y="68"/>
                </a:cubicBezTo>
                <a:cubicBezTo>
                  <a:pt x="33" y="69"/>
                  <a:pt x="33" y="72"/>
                  <a:pt x="32" y="72"/>
                </a:cubicBezTo>
                <a:cubicBezTo>
                  <a:pt x="31" y="72"/>
                  <a:pt x="29" y="67"/>
                  <a:pt x="28" y="65"/>
                </a:cubicBezTo>
                <a:cubicBezTo>
                  <a:pt x="27" y="63"/>
                  <a:pt x="29" y="61"/>
                  <a:pt x="28" y="60"/>
                </a:cubicBezTo>
                <a:cubicBezTo>
                  <a:pt x="27" y="59"/>
                  <a:pt x="22" y="58"/>
                  <a:pt x="21" y="57"/>
                </a:cubicBezTo>
                <a:cubicBezTo>
                  <a:pt x="20" y="56"/>
                  <a:pt x="22" y="54"/>
                  <a:pt x="21" y="52"/>
                </a:cubicBezTo>
                <a:cubicBezTo>
                  <a:pt x="20" y="50"/>
                  <a:pt x="16" y="49"/>
                  <a:pt x="15" y="47"/>
                </a:cubicBezTo>
                <a:cubicBezTo>
                  <a:pt x="14" y="45"/>
                  <a:pt x="15" y="43"/>
                  <a:pt x="15" y="42"/>
                </a:cubicBezTo>
                <a:cubicBezTo>
                  <a:pt x="15" y="41"/>
                  <a:pt x="15" y="39"/>
                  <a:pt x="15" y="38"/>
                </a:cubicBezTo>
                <a:cubicBezTo>
                  <a:pt x="15" y="37"/>
                  <a:pt x="16" y="35"/>
                  <a:pt x="16" y="33"/>
                </a:cubicBezTo>
                <a:cubicBezTo>
                  <a:pt x="16" y="31"/>
                  <a:pt x="14" y="29"/>
                  <a:pt x="13" y="28"/>
                </a:cubicBezTo>
                <a:cubicBezTo>
                  <a:pt x="12" y="27"/>
                  <a:pt x="8" y="25"/>
                  <a:pt x="7" y="24"/>
                </a:cubicBezTo>
                <a:cubicBezTo>
                  <a:pt x="6" y="23"/>
                  <a:pt x="7" y="21"/>
                  <a:pt x="7" y="20"/>
                </a:cubicBezTo>
                <a:cubicBezTo>
                  <a:pt x="7" y="19"/>
                  <a:pt x="7" y="17"/>
                  <a:pt x="6" y="16"/>
                </a:cubicBezTo>
                <a:cubicBezTo>
                  <a:pt x="5" y="15"/>
                  <a:pt x="2" y="14"/>
                  <a:pt x="1" y="12"/>
                </a:cubicBezTo>
                <a:cubicBezTo>
                  <a:pt x="0" y="10"/>
                  <a:pt x="0" y="8"/>
                  <a:pt x="0" y="6"/>
                </a:cubicBezTo>
                <a:cubicBezTo>
                  <a:pt x="0" y="4"/>
                  <a:pt x="0" y="3"/>
                  <a:pt x="1" y="2"/>
                </a:cubicBezTo>
                <a:cubicBezTo>
                  <a:pt x="2" y="1"/>
                  <a:pt x="5" y="0"/>
                  <a:pt x="6" y="0"/>
                </a:cubicBezTo>
                <a:cubicBezTo>
                  <a:pt x="7" y="0"/>
                  <a:pt x="8" y="0"/>
                  <a:pt x="10" y="1"/>
                </a:cubicBezTo>
                <a:cubicBezTo>
                  <a:pt x="12" y="2"/>
                  <a:pt x="15" y="4"/>
                  <a:pt x="16" y="5"/>
                </a:cubicBezTo>
                <a:cubicBezTo>
                  <a:pt x="17" y="6"/>
                  <a:pt x="16" y="7"/>
                  <a:pt x="16" y="9"/>
                </a:cubicBezTo>
                <a:cubicBezTo>
                  <a:pt x="16" y="11"/>
                  <a:pt x="17" y="15"/>
                  <a:pt x="17" y="17"/>
                </a:cubicBezTo>
                <a:cubicBezTo>
                  <a:pt x="17" y="19"/>
                  <a:pt x="18" y="22"/>
                  <a:pt x="19" y="24"/>
                </a:cubicBezTo>
                <a:cubicBezTo>
                  <a:pt x="20" y="26"/>
                  <a:pt x="22" y="29"/>
                  <a:pt x="23" y="31"/>
                </a:cubicBezTo>
                <a:cubicBezTo>
                  <a:pt x="24" y="33"/>
                  <a:pt x="26" y="35"/>
                  <a:pt x="27" y="37"/>
                </a:cubicBezTo>
                <a:cubicBezTo>
                  <a:pt x="28" y="39"/>
                  <a:pt x="30" y="40"/>
                  <a:pt x="32" y="41"/>
                </a:cubicBezTo>
                <a:cubicBezTo>
                  <a:pt x="34" y="42"/>
                  <a:pt x="36" y="44"/>
                  <a:pt x="38" y="45"/>
                </a:cubicBezTo>
                <a:cubicBezTo>
                  <a:pt x="40" y="46"/>
                  <a:pt x="42" y="48"/>
                  <a:pt x="44" y="49"/>
                </a:cubicBezTo>
                <a:cubicBezTo>
                  <a:pt x="46" y="50"/>
                  <a:pt x="51" y="52"/>
                  <a:pt x="53" y="53"/>
                </a:cubicBezTo>
                <a:cubicBezTo>
                  <a:pt x="55" y="54"/>
                  <a:pt x="57" y="52"/>
                  <a:pt x="57" y="53"/>
                </a:cubicBezTo>
                <a:cubicBezTo>
                  <a:pt x="57" y="54"/>
                  <a:pt x="57" y="56"/>
                  <a:pt x="56" y="57"/>
                </a:cubicBezTo>
                <a:cubicBezTo>
                  <a:pt x="55" y="58"/>
                  <a:pt x="54" y="60"/>
                  <a:pt x="53" y="61"/>
                </a:cubicBezTo>
                <a:cubicBezTo>
                  <a:pt x="52" y="62"/>
                  <a:pt x="47" y="61"/>
                  <a:pt x="47" y="62"/>
                </a:cubicBezTo>
                <a:cubicBezTo>
                  <a:pt x="47" y="63"/>
                  <a:pt x="51" y="66"/>
                  <a:pt x="51" y="67"/>
                </a:cubicBezTo>
                <a:cubicBezTo>
                  <a:pt x="51" y="68"/>
                  <a:pt x="46" y="73"/>
                  <a:pt x="45" y="73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</xdr:grpSp>
    <xdr:clientData/>
  </xdr:twoCellAnchor>
  <xdr:twoCellAnchor>
    <xdr:from>
      <xdr:col>23</xdr:col>
      <xdr:colOff>308335</xdr:colOff>
      <xdr:row>7</xdr:row>
      <xdr:rowOff>103036</xdr:rowOff>
    </xdr:from>
    <xdr:to>
      <xdr:col>23</xdr:col>
      <xdr:colOff>658936</xdr:colOff>
      <xdr:row>7</xdr:row>
      <xdr:rowOff>285291</xdr:rowOff>
    </xdr:to>
    <xdr:sp macro="" textlink="">
      <xdr:nvSpPr>
        <xdr:cNvPr id="171" name="Line 219"/>
        <xdr:cNvSpPr>
          <a:spLocks noChangeShapeType="1"/>
        </xdr:cNvSpPr>
      </xdr:nvSpPr>
      <xdr:spPr bwMode="auto">
        <a:xfrm flipH="1">
          <a:off x="17180285" y="3074836"/>
          <a:ext cx="318851" cy="18225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88588</xdr:colOff>
      <xdr:row>3</xdr:row>
      <xdr:rowOff>126902</xdr:rowOff>
    </xdr:from>
    <xdr:to>
      <xdr:col>25</xdr:col>
      <xdr:colOff>43358</xdr:colOff>
      <xdr:row>3</xdr:row>
      <xdr:rowOff>329845</xdr:rowOff>
    </xdr:to>
    <xdr:sp macro="" textlink="">
      <xdr:nvSpPr>
        <xdr:cNvPr id="172" name="Line 220"/>
        <xdr:cNvSpPr>
          <a:spLocks noChangeShapeType="1"/>
        </xdr:cNvSpPr>
      </xdr:nvSpPr>
      <xdr:spPr bwMode="auto">
        <a:xfrm flipV="1">
          <a:off x="17989188" y="1435002"/>
          <a:ext cx="183420" cy="202943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7</xdr:col>
      <xdr:colOff>596322</xdr:colOff>
      <xdr:row>6</xdr:row>
      <xdr:rowOff>30803</xdr:rowOff>
    </xdr:from>
    <xdr:to>
      <xdr:col>28</xdr:col>
      <xdr:colOff>151092</xdr:colOff>
      <xdr:row>7</xdr:row>
      <xdr:rowOff>16060</xdr:rowOff>
    </xdr:to>
    <xdr:sp macro="" textlink="">
      <xdr:nvSpPr>
        <xdr:cNvPr id="173" name="Line 221"/>
        <xdr:cNvSpPr>
          <a:spLocks noChangeShapeType="1"/>
        </xdr:cNvSpPr>
      </xdr:nvSpPr>
      <xdr:spPr bwMode="auto">
        <a:xfrm>
          <a:off x="19982872" y="2691453"/>
          <a:ext cx="183420" cy="29640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7</xdr:col>
      <xdr:colOff>461603</xdr:colOff>
      <xdr:row>6</xdr:row>
      <xdr:rowOff>127443</xdr:rowOff>
    </xdr:from>
    <xdr:to>
      <xdr:col>27</xdr:col>
      <xdr:colOff>509717</xdr:colOff>
      <xdr:row>7</xdr:row>
      <xdr:rowOff>209340</xdr:rowOff>
    </xdr:to>
    <xdr:sp macro="" textlink="">
      <xdr:nvSpPr>
        <xdr:cNvPr id="174" name="Line 222"/>
        <xdr:cNvSpPr>
          <a:spLocks noChangeShapeType="1"/>
        </xdr:cNvSpPr>
      </xdr:nvSpPr>
      <xdr:spPr bwMode="auto">
        <a:xfrm>
          <a:off x="19848153" y="2788093"/>
          <a:ext cx="48114" cy="39304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305058</xdr:colOff>
      <xdr:row>5</xdr:row>
      <xdr:rowOff>227800</xdr:rowOff>
    </xdr:from>
    <xdr:to>
      <xdr:col>28</xdr:col>
      <xdr:colOff>333926</xdr:colOff>
      <xdr:row>6</xdr:row>
      <xdr:rowOff>195090</xdr:rowOff>
    </xdr:to>
    <xdr:sp macro="" textlink="">
      <xdr:nvSpPr>
        <xdr:cNvPr id="175" name="Line 223"/>
        <xdr:cNvSpPr>
          <a:spLocks noChangeShapeType="1"/>
        </xdr:cNvSpPr>
      </xdr:nvSpPr>
      <xdr:spPr bwMode="auto">
        <a:xfrm>
          <a:off x="20320258" y="2577300"/>
          <a:ext cx="28868" cy="27844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430155</xdr:colOff>
      <xdr:row>5</xdr:row>
      <xdr:rowOff>103530</xdr:rowOff>
    </xdr:from>
    <xdr:to>
      <xdr:col>28</xdr:col>
      <xdr:colOff>584120</xdr:colOff>
      <xdr:row>6</xdr:row>
      <xdr:rowOff>69459</xdr:rowOff>
    </xdr:to>
    <xdr:sp macro="" textlink="">
      <xdr:nvSpPr>
        <xdr:cNvPr id="176" name="Line 224"/>
        <xdr:cNvSpPr>
          <a:spLocks noChangeShapeType="1"/>
        </xdr:cNvSpPr>
      </xdr:nvSpPr>
      <xdr:spPr bwMode="auto">
        <a:xfrm>
          <a:off x="20445355" y="2453030"/>
          <a:ext cx="153965" cy="277079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2</xdr:col>
      <xdr:colOff>561108</xdr:colOff>
      <xdr:row>3</xdr:row>
      <xdr:rowOff>581107</xdr:rowOff>
    </xdr:from>
    <xdr:to>
      <xdr:col>23</xdr:col>
      <xdr:colOff>587397</xdr:colOff>
      <xdr:row>4</xdr:row>
      <xdr:rowOff>290862</xdr:rowOff>
    </xdr:to>
    <xdr:sp macro="" textlink="">
      <xdr:nvSpPr>
        <xdr:cNvPr id="177" name="Freeform 227"/>
        <xdr:cNvSpPr>
          <a:spLocks/>
        </xdr:cNvSpPr>
      </xdr:nvSpPr>
      <xdr:spPr bwMode="auto">
        <a:xfrm>
          <a:off x="16804408" y="1889207"/>
          <a:ext cx="654939" cy="440005"/>
        </a:xfrm>
        <a:custGeom>
          <a:avLst/>
          <a:gdLst>
            <a:gd name="T0" fmla="*/ 4539373 w 82"/>
            <a:gd name="T1" fmla="*/ 0 h 48"/>
            <a:gd name="T2" fmla="*/ 4539373 w 82"/>
            <a:gd name="T3" fmla="*/ 167078398 h 48"/>
            <a:gd name="T4" fmla="*/ 4539373 w 82"/>
            <a:gd name="T5" fmla="*/ 167078398 h 48"/>
            <a:gd name="T6" fmla="*/ 4539373 w 82"/>
            <a:gd name="T7" fmla="*/ 167078398 h 48"/>
            <a:gd name="T8" fmla="*/ 4539373 w 82"/>
            <a:gd name="T9" fmla="*/ 167078398 h 48"/>
            <a:gd name="T10" fmla="*/ 4539373 w 82"/>
            <a:gd name="T11" fmla="*/ 167078398 h 48"/>
            <a:gd name="T12" fmla="*/ 4539373 w 82"/>
            <a:gd name="T13" fmla="*/ 167078398 h 48"/>
            <a:gd name="T14" fmla="*/ 4539373 w 82"/>
            <a:gd name="T15" fmla="*/ 167078398 h 48"/>
            <a:gd name="T16" fmla="*/ 0 w 82"/>
            <a:gd name="T17" fmla="*/ 167078398 h 48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82"/>
            <a:gd name="T28" fmla="*/ 0 h 48"/>
            <a:gd name="T29" fmla="*/ 82 w 82"/>
            <a:gd name="T30" fmla="*/ 48 h 48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82" h="48">
              <a:moveTo>
                <a:pt x="82" y="0"/>
              </a:moveTo>
              <a:cubicBezTo>
                <a:pt x="78" y="2"/>
                <a:pt x="80" y="0"/>
                <a:pt x="78" y="7"/>
              </a:cubicBezTo>
              <a:cubicBezTo>
                <a:pt x="77" y="9"/>
                <a:pt x="74" y="9"/>
                <a:pt x="72" y="11"/>
              </a:cubicBezTo>
              <a:cubicBezTo>
                <a:pt x="67" y="9"/>
                <a:pt x="65" y="8"/>
                <a:pt x="60" y="9"/>
              </a:cubicBezTo>
              <a:cubicBezTo>
                <a:pt x="55" y="20"/>
                <a:pt x="65" y="16"/>
                <a:pt x="43" y="17"/>
              </a:cubicBezTo>
              <a:cubicBezTo>
                <a:pt x="42" y="19"/>
                <a:pt x="36" y="27"/>
                <a:pt x="34" y="29"/>
              </a:cubicBezTo>
              <a:cubicBezTo>
                <a:pt x="32" y="31"/>
                <a:pt x="28" y="35"/>
                <a:pt x="28" y="35"/>
              </a:cubicBezTo>
              <a:cubicBezTo>
                <a:pt x="22" y="32"/>
                <a:pt x="22" y="39"/>
                <a:pt x="14" y="41"/>
              </a:cubicBezTo>
              <a:cubicBezTo>
                <a:pt x="7" y="48"/>
                <a:pt x="15" y="47"/>
                <a:pt x="0" y="47"/>
              </a:cubicBezTo>
            </a:path>
          </a:pathLst>
        </a:custGeom>
        <a:noFill/>
        <a:ln w="31750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37704</xdr:colOff>
      <xdr:row>3</xdr:row>
      <xdr:rowOff>10935</xdr:rowOff>
    </xdr:from>
    <xdr:to>
      <xdr:col>22</xdr:col>
      <xdr:colOff>603779</xdr:colOff>
      <xdr:row>4</xdr:row>
      <xdr:rowOff>69953</xdr:rowOff>
    </xdr:to>
    <xdr:sp macro="" textlink="">
      <xdr:nvSpPr>
        <xdr:cNvPr id="178" name="Freeform 232"/>
        <xdr:cNvSpPr>
          <a:spLocks/>
        </xdr:cNvSpPr>
      </xdr:nvSpPr>
      <xdr:spPr bwMode="auto">
        <a:xfrm>
          <a:off x="16381004" y="1319035"/>
          <a:ext cx="466075" cy="789268"/>
        </a:xfrm>
        <a:custGeom>
          <a:avLst/>
          <a:gdLst>
            <a:gd name="T0" fmla="*/ 6310509 w 54"/>
            <a:gd name="T1" fmla="*/ 1037695406 h 83"/>
            <a:gd name="T2" fmla="*/ 6310509 w 54"/>
            <a:gd name="T3" fmla="*/ 1037695406 h 83"/>
            <a:gd name="T4" fmla="*/ 6310509 w 54"/>
            <a:gd name="T5" fmla="*/ 1037695406 h 83"/>
            <a:gd name="T6" fmla="*/ 6310509 w 54"/>
            <a:gd name="T7" fmla="*/ 1037695406 h 83"/>
            <a:gd name="T8" fmla="*/ 6310509 w 54"/>
            <a:gd name="T9" fmla="*/ 1037695406 h 83"/>
            <a:gd name="T10" fmla="*/ 6310509 w 54"/>
            <a:gd name="T11" fmla="*/ 1037695406 h 83"/>
            <a:gd name="T12" fmla="*/ 6310509 w 54"/>
            <a:gd name="T13" fmla="*/ 1037695406 h 83"/>
            <a:gd name="T14" fmla="*/ 6310509 w 54"/>
            <a:gd name="T15" fmla="*/ 1037695406 h 83"/>
            <a:gd name="T16" fmla="*/ 6310509 w 54"/>
            <a:gd name="T17" fmla="*/ 1037695406 h 83"/>
            <a:gd name="T18" fmla="*/ 6310509 w 54"/>
            <a:gd name="T19" fmla="*/ 1037695406 h 83"/>
            <a:gd name="T20" fmla="*/ 6310509 w 54"/>
            <a:gd name="T21" fmla="*/ 1037695406 h 83"/>
            <a:gd name="T22" fmla="*/ 6310509 w 54"/>
            <a:gd name="T23" fmla="*/ 0 h 83"/>
            <a:gd name="T24" fmla="*/ 6310509 w 54"/>
            <a:gd name="T25" fmla="*/ 1037695406 h 83"/>
            <a:gd name="T26" fmla="*/ 6310509 w 54"/>
            <a:gd name="T27" fmla="*/ 1037695406 h 83"/>
            <a:gd name="T28" fmla="*/ 0 60000 65536"/>
            <a:gd name="T29" fmla="*/ 0 60000 65536"/>
            <a:gd name="T30" fmla="*/ 0 60000 65536"/>
            <a:gd name="T31" fmla="*/ 0 60000 65536"/>
            <a:gd name="T32" fmla="*/ 0 60000 65536"/>
            <a:gd name="T33" fmla="*/ 0 60000 65536"/>
            <a:gd name="T34" fmla="*/ 0 60000 65536"/>
            <a:gd name="T35" fmla="*/ 0 60000 65536"/>
            <a:gd name="T36" fmla="*/ 0 60000 65536"/>
            <a:gd name="T37" fmla="*/ 0 60000 65536"/>
            <a:gd name="T38" fmla="*/ 0 60000 65536"/>
            <a:gd name="T39" fmla="*/ 0 60000 65536"/>
            <a:gd name="T40" fmla="*/ 0 60000 65536"/>
            <a:gd name="T41" fmla="*/ 0 60000 65536"/>
            <a:gd name="T42" fmla="*/ 0 w 54"/>
            <a:gd name="T43" fmla="*/ 0 h 83"/>
            <a:gd name="T44" fmla="*/ 54 w 54"/>
            <a:gd name="T45" fmla="*/ 83 h 83"/>
          </a:gdLst>
          <a:ahLst/>
          <a:cxnLst>
            <a:cxn ang="T28">
              <a:pos x="T0" y="T1"/>
            </a:cxn>
            <a:cxn ang="T29">
              <a:pos x="T2" y="T3"/>
            </a:cxn>
            <a:cxn ang="T30">
              <a:pos x="T4" y="T5"/>
            </a:cxn>
            <a:cxn ang="T31">
              <a:pos x="T6" y="T7"/>
            </a:cxn>
            <a:cxn ang="T32">
              <a:pos x="T8" y="T9"/>
            </a:cxn>
            <a:cxn ang="T33">
              <a:pos x="T10" y="T11"/>
            </a:cxn>
            <a:cxn ang="T34">
              <a:pos x="T12" y="T13"/>
            </a:cxn>
            <a:cxn ang="T35">
              <a:pos x="T14" y="T15"/>
            </a:cxn>
            <a:cxn ang="T36">
              <a:pos x="T16" y="T17"/>
            </a:cxn>
            <a:cxn ang="T37">
              <a:pos x="T18" y="T19"/>
            </a:cxn>
            <a:cxn ang="T38">
              <a:pos x="T20" y="T21"/>
            </a:cxn>
            <a:cxn ang="T39">
              <a:pos x="T22" y="T23"/>
            </a:cxn>
            <a:cxn ang="T40">
              <a:pos x="T24" y="T25"/>
            </a:cxn>
            <a:cxn ang="T41">
              <a:pos x="T26" y="T27"/>
            </a:cxn>
          </a:cxnLst>
          <a:rect l="T42" t="T43" r="T44" b="T45"/>
          <a:pathLst>
            <a:path w="54" h="83">
              <a:moveTo>
                <a:pt x="16" y="83"/>
              </a:moveTo>
              <a:cubicBezTo>
                <a:pt x="15" y="81"/>
                <a:pt x="7" y="73"/>
                <a:pt x="5" y="72"/>
              </a:cubicBezTo>
              <a:cubicBezTo>
                <a:pt x="3" y="65"/>
                <a:pt x="0" y="61"/>
                <a:pt x="9" y="59"/>
              </a:cubicBezTo>
              <a:cubicBezTo>
                <a:pt x="10" y="51"/>
                <a:pt x="8" y="32"/>
                <a:pt x="15" y="36"/>
              </a:cubicBezTo>
              <a:cubicBezTo>
                <a:pt x="18" y="48"/>
                <a:pt x="31" y="33"/>
                <a:pt x="33" y="47"/>
              </a:cubicBezTo>
              <a:cubicBezTo>
                <a:pt x="37" y="46"/>
                <a:pt x="41" y="46"/>
                <a:pt x="44" y="45"/>
              </a:cubicBezTo>
              <a:cubicBezTo>
                <a:pt x="45" y="45"/>
                <a:pt x="42" y="45"/>
                <a:pt x="41" y="44"/>
              </a:cubicBezTo>
              <a:cubicBezTo>
                <a:pt x="39" y="42"/>
                <a:pt x="38" y="41"/>
                <a:pt x="35" y="39"/>
              </a:cubicBezTo>
              <a:cubicBezTo>
                <a:pt x="29" y="35"/>
                <a:pt x="34" y="32"/>
                <a:pt x="25" y="29"/>
              </a:cubicBezTo>
              <a:cubicBezTo>
                <a:pt x="23" y="21"/>
                <a:pt x="17" y="17"/>
                <a:pt x="31" y="15"/>
              </a:cubicBezTo>
              <a:cubicBezTo>
                <a:pt x="33" y="5"/>
                <a:pt x="32" y="13"/>
                <a:pt x="39" y="9"/>
              </a:cubicBezTo>
              <a:cubicBezTo>
                <a:pt x="35" y="7"/>
                <a:pt x="36" y="4"/>
                <a:pt x="37" y="0"/>
              </a:cubicBezTo>
              <a:cubicBezTo>
                <a:pt x="41" y="2"/>
                <a:pt x="39" y="6"/>
                <a:pt x="44" y="8"/>
              </a:cubicBezTo>
              <a:cubicBezTo>
                <a:pt x="54" y="7"/>
                <a:pt x="53" y="10"/>
                <a:pt x="53" y="3"/>
              </a:cubicBezTo>
            </a:path>
          </a:pathLst>
        </a:custGeom>
        <a:noFill/>
        <a:ln w="31750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85127</xdr:colOff>
      <xdr:row>3</xdr:row>
      <xdr:rowOff>300853</xdr:rowOff>
    </xdr:from>
    <xdr:to>
      <xdr:col>21</xdr:col>
      <xdr:colOff>198021</xdr:colOff>
      <xdr:row>4</xdr:row>
      <xdr:rowOff>31297</xdr:rowOff>
    </xdr:to>
    <xdr:sp macro="" textlink="">
      <xdr:nvSpPr>
        <xdr:cNvPr id="179" name="Text Box 233"/>
        <xdr:cNvSpPr txBox="1">
          <a:spLocks noChangeArrowheads="1"/>
        </xdr:cNvSpPr>
      </xdr:nvSpPr>
      <xdr:spPr bwMode="auto">
        <a:xfrm>
          <a:off x="15071127" y="1608953"/>
          <a:ext cx="741544" cy="46069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緑区　２</a:t>
          </a:r>
        </a:p>
      </xdr:txBody>
    </xdr:sp>
    <xdr:clientData/>
  </xdr:twoCellAnchor>
  <xdr:twoCellAnchor>
    <xdr:from>
      <xdr:col>22</xdr:col>
      <xdr:colOff>349406</xdr:colOff>
      <xdr:row>3</xdr:row>
      <xdr:rowOff>436148</xdr:rowOff>
    </xdr:from>
    <xdr:to>
      <xdr:col>23</xdr:col>
      <xdr:colOff>520037</xdr:colOff>
      <xdr:row>3</xdr:row>
      <xdr:rowOff>659780</xdr:rowOff>
    </xdr:to>
    <xdr:sp macro="" textlink="">
      <xdr:nvSpPr>
        <xdr:cNvPr id="180" name="Text Box 234"/>
        <xdr:cNvSpPr txBox="1">
          <a:spLocks noChangeArrowheads="1"/>
        </xdr:cNvSpPr>
      </xdr:nvSpPr>
      <xdr:spPr bwMode="auto">
        <a:xfrm>
          <a:off x="16592706" y="1744248"/>
          <a:ext cx="799281" cy="22363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央区　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92861</xdr:colOff>
      <xdr:row>4</xdr:row>
      <xdr:rowOff>108609</xdr:rowOff>
    </xdr:from>
    <xdr:to>
      <xdr:col>24</xdr:col>
      <xdr:colOff>286509</xdr:colOff>
      <xdr:row>5</xdr:row>
      <xdr:rowOff>16555</xdr:rowOff>
    </xdr:to>
    <xdr:sp macro="" textlink="">
      <xdr:nvSpPr>
        <xdr:cNvPr id="181" name="Text Box 235"/>
        <xdr:cNvSpPr txBox="1">
          <a:spLocks noChangeArrowheads="1"/>
        </xdr:cNvSpPr>
      </xdr:nvSpPr>
      <xdr:spPr bwMode="auto">
        <a:xfrm>
          <a:off x="17064811" y="2146959"/>
          <a:ext cx="722298" cy="21909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区　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5564</xdr:colOff>
      <xdr:row>19</xdr:row>
      <xdr:rowOff>51753</xdr:rowOff>
    </xdr:from>
    <xdr:to>
      <xdr:col>25</xdr:col>
      <xdr:colOff>624907</xdr:colOff>
      <xdr:row>20</xdr:row>
      <xdr:rowOff>201297</xdr:rowOff>
    </xdr:to>
    <xdr:sp macro="" textlink="">
      <xdr:nvSpPr>
        <xdr:cNvPr id="182" name="Text Box 237"/>
        <xdr:cNvSpPr txBox="1">
          <a:spLocks noChangeArrowheads="1"/>
        </xdr:cNvSpPr>
      </xdr:nvSpPr>
      <xdr:spPr bwMode="auto">
        <a:xfrm>
          <a:off x="15620214" y="6757353"/>
          <a:ext cx="3133943" cy="460694"/>
        </a:xfrm>
        <a:prstGeom prst="rect">
          <a:avLst/>
        </a:prstGeom>
        <a:noFill/>
        <a:ln w="31750" algn="ctr">
          <a:noFill/>
          <a:miter lim="800000"/>
          <a:headEnd/>
          <a:tailEnd/>
        </a:ln>
        <a:effectLst/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選挙区数　</a:t>
          </a:r>
          <a:r>
            <a:rPr lang="ja-JP" altLang="en-US" sz="16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４７</a:t>
          </a: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　定数　１０５</a:t>
          </a:r>
        </a:p>
      </xdr:txBody>
    </xdr:sp>
    <xdr:clientData/>
  </xdr:twoCellAnchor>
  <xdr:twoCellAnchor>
    <xdr:from>
      <xdr:col>22</xdr:col>
      <xdr:colOff>474503</xdr:colOff>
      <xdr:row>3</xdr:row>
      <xdr:rowOff>30263</xdr:rowOff>
    </xdr:from>
    <xdr:to>
      <xdr:col>22</xdr:col>
      <xdr:colOff>642271</xdr:colOff>
      <xdr:row>3</xdr:row>
      <xdr:rowOff>146230</xdr:rowOff>
    </xdr:to>
    <xdr:sp macro="" textlink="">
      <xdr:nvSpPr>
        <xdr:cNvPr id="183" name="Oval 238"/>
        <xdr:cNvSpPr>
          <a:spLocks noChangeArrowheads="1"/>
        </xdr:cNvSpPr>
      </xdr:nvSpPr>
      <xdr:spPr bwMode="auto">
        <a:xfrm>
          <a:off x="16717803" y="1338363"/>
          <a:ext cx="155068" cy="115967"/>
        </a:xfrm>
        <a:prstGeom prst="ellipse">
          <a:avLst/>
        </a:prstGeom>
        <a:ln>
          <a:noFill/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/>
        <a:lstStyle/>
        <a:p>
          <a:endParaRPr lang="ja-JP" altLang="en-US"/>
        </a:p>
      </xdr:txBody>
    </xdr:sp>
    <xdr:clientData/>
  </xdr:twoCellAnchor>
  <xdr:twoCellAnchor>
    <xdr:from>
      <xdr:col>27</xdr:col>
      <xdr:colOff>490471</xdr:colOff>
      <xdr:row>7</xdr:row>
      <xdr:rowOff>74044</xdr:rowOff>
    </xdr:from>
    <xdr:to>
      <xdr:col>28</xdr:col>
      <xdr:colOff>1113</xdr:colOff>
      <xdr:row>10</xdr:row>
      <xdr:rowOff>126455</xdr:rowOff>
    </xdr:to>
    <xdr:grpSp>
      <xdr:nvGrpSpPr>
        <xdr:cNvPr id="184" name="Group 243"/>
        <xdr:cNvGrpSpPr>
          <a:grpSpLocks/>
        </xdr:cNvGrpSpPr>
      </xdr:nvGrpSpPr>
      <xdr:grpSpPr bwMode="auto">
        <a:xfrm>
          <a:off x="20336089" y="3054809"/>
          <a:ext cx="194200" cy="993705"/>
          <a:chOff x="1019" y="705"/>
          <a:chExt cx="21" cy="106"/>
        </a:xfrm>
      </xdr:grpSpPr>
      <xdr:sp macro="" textlink="">
        <xdr:nvSpPr>
          <xdr:cNvPr id="185" name="Freeform 239"/>
          <xdr:cNvSpPr>
            <a:spLocks/>
          </xdr:cNvSpPr>
        </xdr:nvSpPr>
        <xdr:spPr bwMode="auto">
          <a:xfrm>
            <a:off x="1020" y="788"/>
            <a:ext cx="17" cy="23"/>
          </a:xfrm>
          <a:custGeom>
            <a:avLst/>
            <a:gdLst>
              <a:gd name="T0" fmla="*/ 0 w 217"/>
              <a:gd name="T1" fmla="*/ 0 h 216"/>
              <a:gd name="T2" fmla="*/ 0 w 217"/>
              <a:gd name="T3" fmla="*/ 0 h 216"/>
              <a:gd name="T4" fmla="*/ 0 w 217"/>
              <a:gd name="T5" fmla="*/ 0 h 216"/>
              <a:gd name="T6" fmla="*/ 0 w 217"/>
              <a:gd name="T7" fmla="*/ 0 h 216"/>
              <a:gd name="T8" fmla="*/ 0 w 217"/>
              <a:gd name="T9" fmla="*/ 0 h 216"/>
              <a:gd name="T10" fmla="*/ 0 w 217"/>
              <a:gd name="T11" fmla="*/ 0 h 216"/>
              <a:gd name="T12" fmla="*/ 0 w 217"/>
              <a:gd name="T13" fmla="*/ 0 h 216"/>
              <a:gd name="T14" fmla="*/ 0 w 217"/>
              <a:gd name="T15" fmla="*/ 0 h 216"/>
              <a:gd name="T16" fmla="*/ 0 w 217"/>
              <a:gd name="T17" fmla="*/ 0 h 216"/>
              <a:gd name="T18" fmla="*/ 0 w 217"/>
              <a:gd name="T19" fmla="*/ 0 h 216"/>
              <a:gd name="T20" fmla="*/ 0 w 217"/>
              <a:gd name="T21" fmla="*/ 0 h 216"/>
              <a:gd name="T22" fmla="*/ 0 w 217"/>
              <a:gd name="T23" fmla="*/ 0 h 216"/>
              <a:gd name="T24" fmla="*/ 0 w 217"/>
              <a:gd name="T25" fmla="*/ 0 h 216"/>
              <a:gd name="T26" fmla="*/ 0 w 217"/>
              <a:gd name="T27" fmla="*/ 0 h 216"/>
              <a:gd name="T28" fmla="*/ 0 w 217"/>
              <a:gd name="T29" fmla="*/ 0 h 21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w 217"/>
              <a:gd name="T46" fmla="*/ 0 h 216"/>
              <a:gd name="T47" fmla="*/ 217 w 217"/>
              <a:gd name="T48" fmla="*/ 216 h 216"/>
            </a:gdLst>
            <a:ahLst/>
            <a:cxnLst>
              <a:cxn ang="T30">
                <a:pos x="T0" y="T1"/>
              </a:cxn>
              <a:cxn ang="T31">
                <a:pos x="T2" y="T3"/>
              </a:cxn>
              <a:cxn ang="T32">
                <a:pos x="T4" y="T5"/>
              </a:cxn>
              <a:cxn ang="T33">
                <a:pos x="T6" y="T7"/>
              </a:cxn>
              <a:cxn ang="T34">
                <a:pos x="T8" y="T9"/>
              </a:cxn>
              <a:cxn ang="T35">
                <a:pos x="T10" y="T11"/>
              </a:cxn>
              <a:cxn ang="T36">
                <a:pos x="T12" y="T13"/>
              </a:cxn>
              <a:cxn ang="T37">
                <a:pos x="T14" y="T15"/>
              </a:cxn>
              <a:cxn ang="T38">
                <a:pos x="T16" y="T17"/>
              </a:cxn>
              <a:cxn ang="T39">
                <a:pos x="T18" y="T19"/>
              </a:cxn>
              <a:cxn ang="T40">
                <a:pos x="T20" y="T21"/>
              </a:cxn>
              <a:cxn ang="T41">
                <a:pos x="T22" y="T23"/>
              </a:cxn>
              <a:cxn ang="T42">
                <a:pos x="T24" y="T25"/>
              </a:cxn>
              <a:cxn ang="T43">
                <a:pos x="T26" y="T27"/>
              </a:cxn>
              <a:cxn ang="T44">
                <a:pos x="T28" y="T29"/>
              </a:cxn>
            </a:cxnLst>
            <a:rect l="T45" t="T46" r="T47" b="T48"/>
            <a:pathLst>
              <a:path w="217" h="216">
                <a:moveTo>
                  <a:pt x="61" y="35"/>
                </a:moveTo>
                <a:lnTo>
                  <a:pt x="0" y="108"/>
                </a:lnTo>
                <a:lnTo>
                  <a:pt x="57" y="164"/>
                </a:lnTo>
                <a:lnTo>
                  <a:pt x="121" y="95"/>
                </a:lnTo>
                <a:lnTo>
                  <a:pt x="161" y="141"/>
                </a:lnTo>
                <a:lnTo>
                  <a:pt x="132" y="178"/>
                </a:lnTo>
                <a:lnTo>
                  <a:pt x="174" y="216"/>
                </a:lnTo>
                <a:lnTo>
                  <a:pt x="217" y="166"/>
                </a:lnTo>
                <a:lnTo>
                  <a:pt x="158" y="103"/>
                </a:lnTo>
                <a:lnTo>
                  <a:pt x="201" y="53"/>
                </a:lnTo>
                <a:lnTo>
                  <a:pt x="158" y="13"/>
                </a:lnTo>
                <a:lnTo>
                  <a:pt x="133" y="25"/>
                </a:lnTo>
                <a:lnTo>
                  <a:pt x="95" y="0"/>
                </a:lnTo>
                <a:lnTo>
                  <a:pt x="61" y="31"/>
                </a:lnTo>
                <a:lnTo>
                  <a:pt x="61" y="35"/>
                </a:lnTo>
                <a:close/>
              </a:path>
            </a:pathLst>
          </a:custGeom>
          <a:noFill/>
          <a:ln w="2857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grpSp>
        <xdr:nvGrpSpPr>
          <xdr:cNvPr id="186" name="Group 240"/>
          <xdr:cNvGrpSpPr>
            <a:grpSpLocks/>
          </xdr:cNvGrpSpPr>
        </xdr:nvGrpSpPr>
        <xdr:grpSpPr bwMode="auto">
          <a:xfrm>
            <a:off x="1019" y="705"/>
            <a:ext cx="21" cy="19"/>
            <a:chOff x="963" y="381"/>
            <a:chExt cx="21" cy="19"/>
          </a:xfrm>
        </xdr:grpSpPr>
        <xdr:sp macro="" textlink="">
          <xdr:nvSpPr>
            <xdr:cNvPr id="187" name="d14100_1"/>
            <xdr:cNvSpPr>
              <a:spLocks/>
            </xdr:cNvSpPr>
          </xdr:nvSpPr>
          <xdr:spPr bwMode="auto">
            <a:xfrm>
              <a:off x="963" y="381"/>
              <a:ext cx="21" cy="15"/>
            </a:xfrm>
            <a:custGeom>
              <a:avLst/>
              <a:gdLst>
                <a:gd name="T0" fmla="*/ 0 w 16384"/>
                <a:gd name="T1" fmla="*/ 0 h 16384"/>
                <a:gd name="T2" fmla="*/ 0 w 16384"/>
                <a:gd name="T3" fmla="*/ 0 h 16384"/>
                <a:gd name="T4" fmla="*/ 0 w 16384"/>
                <a:gd name="T5" fmla="*/ 0 h 16384"/>
                <a:gd name="T6" fmla="*/ 0 w 16384"/>
                <a:gd name="T7" fmla="*/ 0 h 16384"/>
                <a:gd name="T8" fmla="*/ 0 w 16384"/>
                <a:gd name="T9" fmla="*/ 0 h 16384"/>
                <a:gd name="T10" fmla="*/ 0 w 16384"/>
                <a:gd name="T11" fmla="*/ 0 h 16384"/>
                <a:gd name="T12" fmla="*/ 0 w 16384"/>
                <a:gd name="T13" fmla="*/ 0 h 163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6384"/>
                <a:gd name="T22" fmla="*/ 0 h 16384"/>
                <a:gd name="T23" fmla="*/ 16384 w 16384"/>
                <a:gd name="T24" fmla="*/ 16384 h 163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6384" h="16384">
                  <a:moveTo>
                    <a:pt x="0" y="6554"/>
                  </a:moveTo>
                  <a:lnTo>
                    <a:pt x="13263" y="0"/>
                  </a:lnTo>
                  <a:lnTo>
                    <a:pt x="16384" y="6554"/>
                  </a:lnTo>
                  <a:lnTo>
                    <a:pt x="7802" y="10923"/>
                  </a:lnTo>
                  <a:lnTo>
                    <a:pt x="7802" y="14199"/>
                  </a:lnTo>
                  <a:lnTo>
                    <a:pt x="1560" y="16384"/>
                  </a:lnTo>
                  <a:lnTo>
                    <a:pt x="0" y="6554"/>
                  </a:lnTo>
                  <a:close/>
                </a:path>
              </a:pathLst>
            </a:custGeom>
            <a:noFill/>
            <a:ln w="28575" cap="flat" cmpd="sng">
              <a:solidFill>
                <a:srgbClr val="00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88" name="Rectangle 242"/>
            <xdr:cNvSpPr>
              <a:spLocks noChangeArrowheads="1"/>
            </xdr:cNvSpPr>
          </xdr:nvSpPr>
          <xdr:spPr bwMode="auto">
            <a:xfrm rot="-1365251">
              <a:off x="967" y="393"/>
              <a:ext cx="16" cy="7"/>
            </a:xfrm>
            <a:prstGeom prst="rect">
              <a:avLst/>
            </a:prstGeom>
            <a:noFill/>
            <a:ln w="28575" algn="ctr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</xdr:grpSp>
    </xdr:grpSp>
    <xdr:clientData/>
  </xdr:twoCellAnchor>
  <xdr:twoCellAnchor>
    <xdr:from>
      <xdr:col>21</xdr:col>
      <xdr:colOff>122861</xdr:colOff>
      <xdr:row>14</xdr:row>
      <xdr:rowOff>256447</xdr:rowOff>
    </xdr:from>
    <xdr:to>
      <xdr:col>23</xdr:col>
      <xdr:colOff>38994</xdr:colOff>
      <xdr:row>15</xdr:row>
      <xdr:rowOff>236495</xdr:rowOff>
    </xdr:to>
    <xdr:sp macro="" textlink="">
      <xdr:nvSpPr>
        <xdr:cNvPr id="190" name="Text Box 183"/>
        <xdr:cNvSpPr txBox="1">
          <a:spLocks noChangeArrowheads="1"/>
        </xdr:cNvSpPr>
      </xdr:nvSpPr>
      <xdr:spPr bwMode="auto">
        <a:xfrm>
          <a:off x="15737511" y="5406297"/>
          <a:ext cx="1173433" cy="29119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大磯町・二宮町　１</a:t>
          </a:r>
        </a:p>
      </xdr:txBody>
    </xdr:sp>
    <xdr:clientData/>
  </xdr:twoCellAnchor>
  <xdr:twoCellAnchor editAs="oneCell">
    <xdr:from>
      <xdr:col>16</xdr:col>
      <xdr:colOff>917371</xdr:colOff>
      <xdr:row>5</xdr:row>
      <xdr:rowOff>165370</xdr:rowOff>
    </xdr:from>
    <xdr:to>
      <xdr:col>21</xdr:col>
      <xdr:colOff>168730</xdr:colOff>
      <xdr:row>14</xdr:row>
      <xdr:rowOff>60594</xdr:rowOff>
    </xdr:to>
    <xdr:sp macro="" textlink="">
      <xdr:nvSpPr>
        <xdr:cNvPr id="191" name="d14360"/>
        <xdr:cNvSpPr>
          <a:spLocks/>
        </xdr:cNvSpPr>
      </xdr:nvSpPr>
      <xdr:spPr bwMode="auto">
        <a:xfrm>
          <a:off x="12380028" y="2533013"/>
          <a:ext cx="3551216" cy="2736395"/>
        </a:xfrm>
        <a:custGeom>
          <a:avLst/>
          <a:gdLst>
            <a:gd name="T0" fmla="*/ 149 w 405"/>
            <a:gd name="T1" fmla="*/ 28 h 292"/>
            <a:gd name="T2" fmla="*/ 162 w 405"/>
            <a:gd name="T3" fmla="*/ 0 h 292"/>
            <a:gd name="T4" fmla="*/ 183 w 405"/>
            <a:gd name="T5" fmla="*/ 3 h 292"/>
            <a:gd name="T6" fmla="*/ 192 w 405"/>
            <a:gd name="T7" fmla="*/ 15 h 292"/>
            <a:gd name="T8" fmla="*/ 215 w 405"/>
            <a:gd name="T9" fmla="*/ 34 h 292"/>
            <a:gd name="T10" fmla="*/ 234 w 405"/>
            <a:gd name="T11" fmla="*/ 48 h 292"/>
            <a:gd name="T12" fmla="*/ 267 w 405"/>
            <a:gd name="T13" fmla="*/ 37 h 292"/>
            <a:gd name="T14" fmla="*/ 287 w 405"/>
            <a:gd name="T15" fmla="*/ 51 h 292"/>
            <a:gd name="T16" fmla="*/ 300 w 405"/>
            <a:gd name="T17" fmla="*/ 61 h 292"/>
            <a:gd name="T18" fmla="*/ 299 w 405"/>
            <a:gd name="T19" fmla="*/ 83 h 292"/>
            <a:gd name="T20" fmla="*/ 274 w 405"/>
            <a:gd name="T21" fmla="*/ 98 h 292"/>
            <a:gd name="T22" fmla="*/ 278 w 405"/>
            <a:gd name="T23" fmla="*/ 119 h 292"/>
            <a:gd name="T24" fmla="*/ 280 w 405"/>
            <a:gd name="T25" fmla="*/ 141 h 292"/>
            <a:gd name="T26" fmla="*/ 281 w 405"/>
            <a:gd name="T27" fmla="*/ 161 h 292"/>
            <a:gd name="T28" fmla="*/ 277 w 405"/>
            <a:gd name="T29" fmla="*/ 179 h 292"/>
            <a:gd name="T30" fmla="*/ 303 w 405"/>
            <a:gd name="T31" fmla="*/ 222 h 292"/>
            <a:gd name="T32" fmla="*/ 325 w 405"/>
            <a:gd name="T33" fmla="*/ 232 h 292"/>
            <a:gd name="T34" fmla="*/ 349 w 405"/>
            <a:gd name="T35" fmla="*/ 217 h 292"/>
            <a:gd name="T36" fmla="*/ 358 w 405"/>
            <a:gd name="T37" fmla="*/ 224 h 292"/>
            <a:gd name="T38" fmla="*/ 388 w 405"/>
            <a:gd name="T39" fmla="*/ 231 h 292"/>
            <a:gd name="T40" fmla="*/ 390 w 405"/>
            <a:gd name="T41" fmla="*/ 252 h 292"/>
            <a:gd name="T42" fmla="*/ 381 w 405"/>
            <a:gd name="T43" fmla="*/ 277 h 292"/>
            <a:gd name="T44" fmla="*/ 355 w 405"/>
            <a:gd name="T45" fmla="*/ 286 h 292"/>
            <a:gd name="T46" fmla="*/ 340 w 405"/>
            <a:gd name="T47" fmla="*/ 284 h 292"/>
            <a:gd name="T48" fmla="*/ 321 w 405"/>
            <a:gd name="T49" fmla="*/ 264 h 292"/>
            <a:gd name="T50" fmla="*/ 307 w 405"/>
            <a:gd name="T51" fmla="*/ 273 h 292"/>
            <a:gd name="T52" fmla="*/ 294 w 405"/>
            <a:gd name="T53" fmla="*/ 284 h 292"/>
            <a:gd name="T54" fmla="*/ 267 w 405"/>
            <a:gd name="T55" fmla="*/ 276 h 292"/>
            <a:gd name="T56" fmla="*/ 255 w 405"/>
            <a:gd name="T57" fmla="*/ 279 h 292"/>
            <a:gd name="T58" fmla="*/ 242 w 405"/>
            <a:gd name="T59" fmla="*/ 261 h 292"/>
            <a:gd name="T60" fmla="*/ 230 w 405"/>
            <a:gd name="T61" fmla="*/ 240 h 292"/>
            <a:gd name="T62" fmla="*/ 224 w 405"/>
            <a:gd name="T63" fmla="*/ 233 h 292"/>
            <a:gd name="T64" fmla="*/ 199 w 405"/>
            <a:gd name="T65" fmla="*/ 232 h 292"/>
            <a:gd name="T66" fmla="*/ 174 w 405"/>
            <a:gd name="T67" fmla="*/ 231 h 292"/>
            <a:gd name="T68" fmla="*/ 152 w 405"/>
            <a:gd name="T69" fmla="*/ 238 h 292"/>
            <a:gd name="T70" fmla="*/ 139 w 405"/>
            <a:gd name="T71" fmla="*/ 258 h 292"/>
            <a:gd name="T72" fmla="*/ 121 w 405"/>
            <a:gd name="T73" fmla="*/ 258 h 292"/>
            <a:gd name="T74" fmla="*/ 111 w 405"/>
            <a:gd name="T75" fmla="*/ 231 h 292"/>
            <a:gd name="T76" fmla="*/ 110 w 405"/>
            <a:gd name="T77" fmla="*/ 206 h 292"/>
            <a:gd name="T78" fmla="*/ 101 w 405"/>
            <a:gd name="T79" fmla="*/ 186 h 292"/>
            <a:gd name="T80" fmla="*/ 101 w 405"/>
            <a:gd name="T81" fmla="*/ 157 h 292"/>
            <a:gd name="T82" fmla="*/ 83 w 405"/>
            <a:gd name="T83" fmla="*/ 155 h 292"/>
            <a:gd name="T84" fmla="*/ 59 w 405"/>
            <a:gd name="T85" fmla="*/ 158 h 292"/>
            <a:gd name="T86" fmla="*/ 36 w 405"/>
            <a:gd name="T87" fmla="*/ 162 h 292"/>
            <a:gd name="T88" fmla="*/ 4 w 405"/>
            <a:gd name="T89" fmla="*/ 158 h 292"/>
            <a:gd name="T90" fmla="*/ 14 w 405"/>
            <a:gd name="T91" fmla="*/ 133 h 292"/>
            <a:gd name="T92" fmla="*/ 16 w 405"/>
            <a:gd name="T93" fmla="*/ 110 h 292"/>
            <a:gd name="T94" fmla="*/ 30 w 405"/>
            <a:gd name="T95" fmla="*/ 89 h 292"/>
            <a:gd name="T96" fmla="*/ 55 w 405"/>
            <a:gd name="T97" fmla="*/ 70 h 292"/>
            <a:gd name="T98" fmla="*/ 73 w 405"/>
            <a:gd name="T99" fmla="*/ 63 h 292"/>
            <a:gd name="T100" fmla="*/ 87 w 405"/>
            <a:gd name="T101" fmla="*/ 57 h 292"/>
            <a:gd name="T102" fmla="*/ 116 w 405"/>
            <a:gd name="T103" fmla="*/ 50 h 292"/>
          </a:gdLst>
          <a:ahLst/>
          <a:cxnLst>
            <a:cxn ang="0">
              <a:pos x="T0" y="T1"/>
            </a:cxn>
            <a:cxn ang="0">
              <a:pos x="T2" y="T3"/>
            </a:cxn>
            <a:cxn ang="0">
              <a:pos x="T4" y="T5"/>
            </a:cxn>
            <a:cxn ang="0">
              <a:pos x="T6" y="T7"/>
            </a:cxn>
            <a:cxn ang="0">
              <a:pos x="T8" y="T9"/>
            </a:cxn>
            <a:cxn ang="0">
              <a:pos x="T10" y="T11"/>
            </a:cxn>
            <a:cxn ang="0">
              <a:pos x="T12" y="T13"/>
            </a:cxn>
            <a:cxn ang="0">
              <a:pos x="T14" y="T15"/>
            </a:cxn>
            <a:cxn ang="0">
              <a:pos x="T16" y="T17"/>
            </a:cxn>
            <a:cxn ang="0">
              <a:pos x="T18" y="T19"/>
            </a:cxn>
            <a:cxn ang="0">
              <a:pos x="T20" y="T21"/>
            </a:cxn>
            <a:cxn ang="0">
              <a:pos x="T22" y="T23"/>
            </a:cxn>
            <a:cxn ang="0">
              <a:pos x="T24" y="T25"/>
            </a:cxn>
            <a:cxn ang="0">
              <a:pos x="T26" y="T27"/>
            </a:cxn>
            <a:cxn ang="0">
              <a:pos x="T28" y="T29"/>
            </a:cxn>
            <a:cxn ang="0">
              <a:pos x="T30" y="T31"/>
            </a:cxn>
            <a:cxn ang="0">
              <a:pos x="T32" y="T33"/>
            </a:cxn>
            <a:cxn ang="0">
              <a:pos x="T34" y="T35"/>
            </a:cxn>
            <a:cxn ang="0">
              <a:pos x="T36" y="T37"/>
            </a:cxn>
            <a:cxn ang="0">
              <a:pos x="T38" y="T39"/>
            </a:cxn>
            <a:cxn ang="0">
              <a:pos x="T40" y="T41"/>
            </a:cxn>
            <a:cxn ang="0">
              <a:pos x="T42" y="T43"/>
            </a:cxn>
            <a:cxn ang="0">
              <a:pos x="T44" y="T45"/>
            </a:cxn>
            <a:cxn ang="0">
              <a:pos x="T46" y="T47"/>
            </a:cxn>
            <a:cxn ang="0">
              <a:pos x="T48" y="T49"/>
            </a:cxn>
            <a:cxn ang="0">
              <a:pos x="T50" y="T51"/>
            </a:cxn>
            <a:cxn ang="0">
              <a:pos x="T52" y="T53"/>
            </a:cxn>
            <a:cxn ang="0">
              <a:pos x="T54" y="T55"/>
            </a:cxn>
            <a:cxn ang="0">
              <a:pos x="T56" y="T57"/>
            </a:cxn>
            <a:cxn ang="0">
              <a:pos x="T58" y="T59"/>
            </a:cxn>
            <a:cxn ang="0">
              <a:pos x="T60" y="T61"/>
            </a:cxn>
            <a:cxn ang="0">
              <a:pos x="T62" y="T63"/>
            </a:cxn>
            <a:cxn ang="0">
              <a:pos x="T64" y="T65"/>
            </a:cxn>
            <a:cxn ang="0">
              <a:pos x="T66" y="T67"/>
            </a:cxn>
            <a:cxn ang="0">
              <a:pos x="T68" y="T69"/>
            </a:cxn>
            <a:cxn ang="0">
              <a:pos x="T70" y="T71"/>
            </a:cxn>
            <a:cxn ang="0">
              <a:pos x="T72" y="T73"/>
            </a:cxn>
            <a:cxn ang="0">
              <a:pos x="T74" y="T75"/>
            </a:cxn>
            <a:cxn ang="0">
              <a:pos x="T76" y="T77"/>
            </a:cxn>
            <a:cxn ang="0">
              <a:pos x="T78" y="T79"/>
            </a:cxn>
            <a:cxn ang="0">
              <a:pos x="T80" y="T81"/>
            </a:cxn>
            <a:cxn ang="0">
              <a:pos x="T82" y="T83"/>
            </a:cxn>
            <a:cxn ang="0">
              <a:pos x="T84" y="T85"/>
            </a:cxn>
            <a:cxn ang="0">
              <a:pos x="T86" y="T87"/>
            </a:cxn>
            <a:cxn ang="0">
              <a:pos x="T88" y="T89"/>
            </a:cxn>
            <a:cxn ang="0">
              <a:pos x="T90" y="T91"/>
            </a:cxn>
            <a:cxn ang="0">
              <a:pos x="T92" y="T93"/>
            </a:cxn>
            <a:cxn ang="0">
              <a:pos x="T94" y="T95"/>
            </a:cxn>
            <a:cxn ang="0">
              <a:pos x="T96" y="T97"/>
            </a:cxn>
            <a:cxn ang="0">
              <a:pos x="T98" y="T99"/>
            </a:cxn>
            <a:cxn ang="0">
              <a:pos x="T100" y="T101"/>
            </a:cxn>
            <a:cxn ang="0">
              <a:pos x="T102" y="T103"/>
            </a:cxn>
          </a:cxnLst>
          <a:rect l="0" t="0" r="r" b="b"/>
          <a:pathLst>
            <a:path w="405" h="292">
              <a:moveTo>
                <a:pt x="135" y="45"/>
              </a:moveTo>
              <a:lnTo>
                <a:pt x="138" y="38"/>
              </a:lnTo>
              <a:lnTo>
                <a:pt x="140" y="34"/>
              </a:lnTo>
              <a:lnTo>
                <a:pt x="145" y="30"/>
              </a:lnTo>
              <a:lnTo>
                <a:pt x="149" y="28"/>
              </a:lnTo>
              <a:lnTo>
                <a:pt x="153" y="21"/>
              </a:lnTo>
              <a:lnTo>
                <a:pt x="157" y="18"/>
              </a:lnTo>
              <a:lnTo>
                <a:pt x="157" y="12"/>
              </a:lnTo>
              <a:lnTo>
                <a:pt x="158" y="7"/>
              </a:lnTo>
              <a:lnTo>
                <a:pt x="162" y="0"/>
              </a:lnTo>
              <a:lnTo>
                <a:pt x="167" y="3"/>
              </a:lnTo>
              <a:lnTo>
                <a:pt x="170" y="4"/>
              </a:lnTo>
              <a:lnTo>
                <a:pt x="174" y="5"/>
              </a:lnTo>
              <a:lnTo>
                <a:pt x="178" y="4"/>
              </a:lnTo>
              <a:lnTo>
                <a:pt x="183" y="3"/>
              </a:lnTo>
              <a:lnTo>
                <a:pt x="187" y="1"/>
              </a:lnTo>
              <a:lnTo>
                <a:pt x="189" y="5"/>
              </a:lnTo>
              <a:lnTo>
                <a:pt x="189" y="9"/>
              </a:lnTo>
              <a:lnTo>
                <a:pt x="188" y="11"/>
              </a:lnTo>
              <a:lnTo>
                <a:pt x="192" y="15"/>
              </a:lnTo>
              <a:lnTo>
                <a:pt x="193" y="21"/>
              </a:lnTo>
              <a:lnTo>
                <a:pt x="195" y="24"/>
              </a:lnTo>
              <a:lnTo>
                <a:pt x="209" y="27"/>
              </a:lnTo>
              <a:lnTo>
                <a:pt x="212" y="29"/>
              </a:lnTo>
              <a:lnTo>
                <a:pt x="215" y="34"/>
              </a:lnTo>
              <a:lnTo>
                <a:pt x="219" y="35"/>
              </a:lnTo>
              <a:lnTo>
                <a:pt x="222" y="38"/>
              </a:lnTo>
              <a:lnTo>
                <a:pt x="225" y="41"/>
              </a:lnTo>
              <a:lnTo>
                <a:pt x="227" y="47"/>
              </a:lnTo>
              <a:lnTo>
                <a:pt x="234" y="48"/>
              </a:lnTo>
              <a:lnTo>
                <a:pt x="247" y="52"/>
              </a:lnTo>
              <a:lnTo>
                <a:pt x="252" y="51"/>
              </a:lnTo>
              <a:lnTo>
                <a:pt x="256" y="47"/>
              </a:lnTo>
              <a:lnTo>
                <a:pt x="262" y="42"/>
              </a:lnTo>
              <a:lnTo>
                <a:pt x="267" y="37"/>
              </a:lnTo>
              <a:lnTo>
                <a:pt x="274" y="38"/>
              </a:lnTo>
              <a:lnTo>
                <a:pt x="279" y="41"/>
              </a:lnTo>
              <a:lnTo>
                <a:pt x="280" y="48"/>
              </a:lnTo>
              <a:lnTo>
                <a:pt x="283" y="50"/>
              </a:lnTo>
              <a:lnTo>
                <a:pt x="287" y="51"/>
              </a:lnTo>
              <a:lnTo>
                <a:pt x="291" y="49"/>
              </a:lnTo>
              <a:lnTo>
                <a:pt x="296" y="50"/>
              </a:lnTo>
              <a:lnTo>
                <a:pt x="299" y="53"/>
              </a:lnTo>
              <a:lnTo>
                <a:pt x="299" y="58"/>
              </a:lnTo>
              <a:lnTo>
                <a:pt x="300" y="61"/>
              </a:lnTo>
              <a:lnTo>
                <a:pt x="302" y="63"/>
              </a:lnTo>
              <a:lnTo>
                <a:pt x="302" y="71"/>
              </a:lnTo>
              <a:lnTo>
                <a:pt x="300" y="75"/>
              </a:lnTo>
              <a:lnTo>
                <a:pt x="301" y="79"/>
              </a:lnTo>
              <a:lnTo>
                <a:pt x="299" y="83"/>
              </a:lnTo>
              <a:lnTo>
                <a:pt x="296" y="89"/>
              </a:lnTo>
              <a:lnTo>
                <a:pt x="292" y="90"/>
              </a:lnTo>
              <a:lnTo>
                <a:pt x="288" y="96"/>
              </a:lnTo>
              <a:lnTo>
                <a:pt x="281" y="97"/>
              </a:lnTo>
              <a:lnTo>
                <a:pt x="274" y="98"/>
              </a:lnTo>
              <a:lnTo>
                <a:pt x="273" y="101"/>
              </a:lnTo>
              <a:lnTo>
                <a:pt x="274" y="105"/>
              </a:lnTo>
              <a:lnTo>
                <a:pt x="273" y="109"/>
              </a:lnTo>
              <a:lnTo>
                <a:pt x="275" y="115"/>
              </a:lnTo>
              <a:lnTo>
                <a:pt x="278" y="119"/>
              </a:lnTo>
              <a:lnTo>
                <a:pt x="277" y="124"/>
              </a:lnTo>
              <a:lnTo>
                <a:pt x="279" y="127"/>
              </a:lnTo>
              <a:lnTo>
                <a:pt x="280" y="131"/>
              </a:lnTo>
              <a:lnTo>
                <a:pt x="279" y="135"/>
              </a:lnTo>
              <a:lnTo>
                <a:pt x="280" y="141"/>
              </a:lnTo>
              <a:lnTo>
                <a:pt x="279" y="145"/>
              </a:lnTo>
              <a:lnTo>
                <a:pt x="278" y="147"/>
              </a:lnTo>
              <a:lnTo>
                <a:pt x="277" y="150"/>
              </a:lnTo>
              <a:lnTo>
                <a:pt x="282" y="156"/>
              </a:lnTo>
              <a:lnTo>
                <a:pt x="281" y="161"/>
              </a:lnTo>
              <a:lnTo>
                <a:pt x="283" y="165"/>
              </a:lnTo>
              <a:lnTo>
                <a:pt x="284" y="170"/>
              </a:lnTo>
              <a:lnTo>
                <a:pt x="283" y="173"/>
              </a:lnTo>
              <a:lnTo>
                <a:pt x="279" y="175"/>
              </a:lnTo>
              <a:lnTo>
                <a:pt x="277" y="179"/>
              </a:lnTo>
              <a:lnTo>
                <a:pt x="276" y="187"/>
              </a:lnTo>
              <a:lnTo>
                <a:pt x="276" y="191"/>
              </a:lnTo>
              <a:lnTo>
                <a:pt x="291" y="214"/>
              </a:lnTo>
              <a:lnTo>
                <a:pt x="296" y="224"/>
              </a:lnTo>
              <a:lnTo>
                <a:pt x="303" y="222"/>
              </a:lnTo>
              <a:lnTo>
                <a:pt x="305" y="226"/>
              </a:lnTo>
              <a:lnTo>
                <a:pt x="310" y="236"/>
              </a:lnTo>
              <a:lnTo>
                <a:pt x="315" y="240"/>
              </a:lnTo>
              <a:lnTo>
                <a:pt x="322" y="234"/>
              </a:lnTo>
              <a:lnTo>
                <a:pt x="325" y="232"/>
              </a:lnTo>
              <a:lnTo>
                <a:pt x="334" y="226"/>
              </a:lnTo>
              <a:lnTo>
                <a:pt x="341" y="227"/>
              </a:lnTo>
              <a:lnTo>
                <a:pt x="343" y="221"/>
              </a:lnTo>
              <a:lnTo>
                <a:pt x="347" y="221"/>
              </a:lnTo>
              <a:lnTo>
                <a:pt x="349" y="217"/>
              </a:lnTo>
              <a:lnTo>
                <a:pt x="352" y="217"/>
              </a:lnTo>
              <a:lnTo>
                <a:pt x="353" y="219"/>
              </a:lnTo>
              <a:lnTo>
                <a:pt x="357" y="220"/>
              </a:lnTo>
              <a:lnTo>
                <a:pt x="357" y="223"/>
              </a:lnTo>
              <a:lnTo>
                <a:pt x="358" y="224"/>
              </a:lnTo>
              <a:lnTo>
                <a:pt x="358" y="225"/>
              </a:lnTo>
              <a:lnTo>
                <a:pt x="363" y="231"/>
              </a:lnTo>
              <a:lnTo>
                <a:pt x="370" y="228"/>
              </a:lnTo>
              <a:lnTo>
                <a:pt x="379" y="229"/>
              </a:lnTo>
              <a:lnTo>
                <a:pt x="388" y="231"/>
              </a:lnTo>
              <a:lnTo>
                <a:pt x="395" y="227"/>
              </a:lnTo>
              <a:lnTo>
                <a:pt x="405" y="228"/>
              </a:lnTo>
              <a:lnTo>
                <a:pt x="396" y="230"/>
              </a:lnTo>
              <a:lnTo>
                <a:pt x="390" y="235"/>
              </a:lnTo>
              <a:lnTo>
                <a:pt x="390" y="252"/>
              </a:lnTo>
              <a:lnTo>
                <a:pt x="397" y="257"/>
              </a:lnTo>
              <a:lnTo>
                <a:pt x="400" y="264"/>
              </a:lnTo>
              <a:lnTo>
                <a:pt x="392" y="269"/>
              </a:lnTo>
              <a:lnTo>
                <a:pt x="385" y="278"/>
              </a:lnTo>
              <a:lnTo>
                <a:pt x="381" y="277"/>
              </a:lnTo>
              <a:lnTo>
                <a:pt x="379" y="279"/>
              </a:lnTo>
              <a:lnTo>
                <a:pt x="374" y="283"/>
              </a:lnTo>
              <a:lnTo>
                <a:pt x="368" y="283"/>
              </a:lnTo>
              <a:lnTo>
                <a:pt x="360" y="280"/>
              </a:lnTo>
              <a:lnTo>
                <a:pt x="355" y="286"/>
              </a:lnTo>
              <a:lnTo>
                <a:pt x="351" y="289"/>
              </a:lnTo>
              <a:lnTo>
                <a:pt x="345" y="292"/>
              </a:lnTo>
              <a:lnTo>
                <a:pt x="345" y="288"/>
              </a:lnTo>
              <a:lnTo>
                <a:pt x="342" y="284"/>
              </a:lnTo>
              <a:lnTo>
                <a:pt x="340" y="284"/>
              </a:lnTo>
              <a:lnTo>
                <a:pt x="334" y="280"/>
              </a:lnTo>
              <a:lnTo>
                <a:pt x="330" y="277"/>
              </a:lnTo>
              <a:lnTo>
                <a:pt x="327" y="273"/>
              </a:lnTo>
              <a:lnTo>
                <a:pt x="322" y="266"/>
              </a:lnTo>
              <a:lnTo>
                <a:pt x="321" y="264"/>
              </a:lnTo>
              <a:lnTo>
                <a:pt x="319" y="263"/>
              </a:lnTo>
              <a:lnTo>
                <a:pt x="317" y="265"/>
              </a:lnTo>
              <a:lnTo>
                <a:pt x="309" y="267"/>
              </a:lnTo>
              <a:lnTo>
                <a:pt x="308" y="268"/>
              </a:lnTo>
              <a:lnTo>
                <a:pt x="307" y="273"/>
              </a:lnTo>
              <a:lnTo>
                <a:pt x="304" y="275"/>
              </a:lnTo>
              <a:lnTo>
                <a:pt x="302" y="278"/>
              </a:lnTo>
              <a:lnTo>
                <a:pt x="300" y="282"/>
              </a:lnTo>
              <a:lnTo>
                <a:pt x="299" y="279"/>
              </a:lnTo>
              <a:lnTo>
                <a:pt x="294" y="284"/>
              </a:lnTo>
              <a:lnTo>
                <a:pt x="289" y="287"/>
              </a:lnTo>
              <a:lnTo>
                <a:pt x="282" y="286"/>
              </a:lnTo>
              <a:lnTo>
                <a:pt x="273" y="271"/>
              </a:lnTo>
              <a:lnTo>
                <a:pt x="269" y="271"/>
              </a:lnTo>
              <a:lnTo>
                <a:pt x="267" y="276"/>
              </a:lnTo>
              <a:lnTo>
                <a:pt x="263" y="278"/>
              </a:lnTo>
              <a:lnTo>
                <a:pt x="260" y="280"/>
              </a:lnTo>
              <a:lnTo>
                <a:pt x="259" y="283"/>
              </a:lnTo>
              <a:lnTo>
                <a:pt x="256" y="283"/>
              </a:lnTo>
              <a:lnTo>
                <a:pt x="255" y="279"/>
              </a:lnTo>
              <a:lnTo>
                <a:pt x="252" y="278"/>
              </a:lnTo>
              <a:lnTo>
                <a:pt x="248" y="277"/>
              </a:lnTo>
              <a:lnTo>
                <a:pt x="247" y="275"/>
              </a:lnTo>
              <a:lnTo>
                <a:pt x="245" y="268"/>
              </a:lnTo>
              <a:lnTo>
                <a:pt x="242" y="261"/>
              </a:lnTo>
              <a:lnTo>
                <a:pt x="241" y="254"/>
              </a:lnTo>
              <a:lnTo>
                <a:pt x="240" y="250"/>
              </a:lnTo>
              <a:lnTo>
                <a:pt x="236" y="247"/>
              </a:lnTo>
              <a:lnTo>
                <a:pt x="233" y="245"/>
              </a:lnTo>
              <a:lnTo>
                <a:pt x="230" y="240"/>
              </a:lnTo>
              <a:lnTo>
                <a:pt x="233" y="236"/>
              </a:lnTo>
              <a:lnTo>
                <a:pt x="234" y="233"/>
              </a:lnTo>
              <a:lnTo>
                <a:pt x="234" y="230"/>
              </a:lnTo>
              <a:lnTo>
                <a:pt x="228" y="231"/>
              </a:lnTo>
              <a:lnTo>
                <a:pt x="224" y="233"/>
              </a:lnTo>
              <a:lnTo>
                <a:pt x="218" y="237"/>
              </a:lnTo>
              <a:lnTo>
                <a:pt x="213" y="234"/>
              </a:lnTo>
              <a:lnTo>
                <a:pt x="209" y="233"/>
              </a:lnTo>
              <a:lnTo>
                <a:pt x="204" y="234"/>
              </a:lnTo>
              <a:lnTo>
                <a:pt x="199" y="232"/>
              </a:lnTo>
              <a:lnTo>
                <a:pt x="195" y="236"/>
              </a:lnTo>
              <a:lnTo>
                <a:pt x="189" y="238"/>
              </a:lnTo>
              <a:lnTo>
                <a:pt x="181" y="236"/>
              </a:lnTo>
              <a:lnTo>
                <a:pt x="176" y="233"/>
              </a:lnTo>
              <a:lnTo>
                <a:pt x="174" y="231"/>
              </a:lnTo>
              <a:lnTo>
                <a:pt x="168" y="231"/>
              </a:lnTo>
              <a:lnTo>
                <a:pt x="164" y="232"/>
              </a:lnTo>
              <a:lnTo>
                <a:pt x="161" y="237"/>
              </a:lnTo>
              <a:lnTo>
                <a:pt x="159" y="238"/>
              </a:lnTo>
              <a:lnTo>
                <a:pt x="152" y="238"/>
              </a:lnTo>
              <a:lnTo>
                <a:pt x="148" y="241"/>
              </a:lnTo>
              <a:lnTo>
                <a:pt x="145" y="246"/>
              </a:lnTo>
              <a:lnTo>
                <a:pt x="140" y="249"/>
              </a:lnTo>
              <a:lnTo>
                <a:pt x="138" y="252"/>
              </a:lnTo>
              <a:lnTo>
                <a:pt x="139" y="258"/>
              </a:lnTo>
              <a:lnTo>
                <a:pt x="135" y="259"/>
              </a:lnTo>
              <a:lnTo>
                <a:pt x="131" y="259"/>
              </a:lnTo>
              <a:lnTo>
                <a:pt x="126" y="258"/>
              </a:lnTo>
              <a:lnTo>
                <a:pt x="123" y="261"/>
              </a:lnTo>
              <a:lnTo>
                <a:pt x="121" y="258"/>
              </a:lnTo>
              <a:lnTo>
                <a:pt x="116" y="254"/>
              </a:lnTo>
              <a:lnTo>
                <a:pt x="114" y="246"/>
              </a:lnTo>
              <a:lnTo>
                <a:pt x="115" y="241"/>
              </a:lnTo>
              <a:lnTo>
                <a:pt x="113" y="238"/>
              </a:lnTo>
              <a:lnTo>
                <a:pt x="111" y="231"/>
              </a:lnTo>
              <a:lnTo>
                <a:pt x="115" y="226"/>
              </a:lnTo>
              <a:lnTo>
                <a:pt x="116" y="221"/>
              </a:lnTo>
              <a:lnTo>
                <a:pt x="112" y="218"/>
              </a:lnTo>
              <a:lnTo>
                <a:pt x="111" y="212"/>
              </a:lnTo>
              <a:lnTo>
                <a:pt x="110" y="206"/>
              </a:lnTo>
              <a:lnTo>
                <a:pt x="108" y="202"/>
              </a:lnTo>
              <a:lnTo>
                <a:pt x="108" y="195"/>
              </a:lnTo>
              <a:lnTo>
                <a:pt x="105" y="191"/>
              </a:lnTo>
              <a:lnTo>
                <a:pt x="104" y="188"/>
              </a:lnTo>
              <a:lnTo>
                <a:pt x="101" y="186"/>
              </a:lnTo>
              <a:lnTo>
                <a:pt x="101" y="180"/>
              </a:lnTo>
              <a:lnTo>
                <a:pt x="104" y="173"/>
              </a:lnTo>
              <a:lnTo>
                <a:pt x="105" y="167"/>
              </a:lnTo>
              <a:lnTo>
                <a:pt x="104" y="161"/>
              </a:lnTo>
              <a:lnTo>
                <a:pt x="101" y="157"/>
              </a:lnTo>
              <a:lnTo>
                <a:pt x="98" y="155"/>
              </a:lnTo>
              <a:lnTo>
                <a:pt x="94" y="155"/>
              </a:lnTo>
              <a:lnTo>
                <a:pt x="89" y="156"/>
              </a:lnTo>
              <a:lnTo>
                <a:pt x="85" y="158"/>
              </a:lnTo>
              <a:lnTo>
                <a:pt x="83" y="155"/>
              </a:lnTo>
              <a:lnTo>
                <a:pt x="75" y="154"/>
              </a:lnTo>
              <a:lnTo>
                <a:pt x="72" y="154"/>
              </a:lnTo>
              <a:lnTo>
                <a:pt x="68" y="153"/>
              </a:lnTo>
              <a:lnTo>
                <a:pt x="62" y="158"/>
              </a:lnTo>
              <a:lnTo>
                <a:pt x="59" y="158"/>
              </a:lnTo>
              <a:lnTo>
                <a:pt x="54" y="157"/>
              </a:lnTo>
              <a:lnTo>
                <a:pt x="51" y="159"/>
              </a:lnTo>
              <a:lnTo>
                <a:pt x="45" y="157"/>
              </a:lnTo>
              <a:lnTo>
                <a:pt x="40" y="159"/>
              </a:lnTo>
              <a:lnTo>
                <a:pt x="36" y="162"/>
              </a:lnTo>
              <a:lnTo>
                <a:pt x="30" y="161"/>
              </a:lnTo>
              <a:lnTo>
                <a:pt x="25" y="161"/>
              </a:lnTo>
              <a:lnTo>
                <a:pt x="20" y="158"/>
              </a:lnTo>
              <a:lnTo>
                <a:pt x="15" y="159"/>
              </a:lnTo>
              <a:lnTo>
                <a:pt x="4" y="158"/>
              </a:lnTo>
              <a:lnTo>
                <a:pt x="0" y="155"/>
              </a:lnTo>
              <a:lnTo>
                <a:pt x="4" y="144"/>
              </a:lnTo>
              <a:lnTo>
                <a:pt x="11" y="140"/>
              </a:lnTo>
              <a:lnTo>
                <a:pt x="15" y="137"/>
              </a:lnTo>
              <a:lnTo>
                <a:pt x="14" y="133"/>
              </a:lnTo>
              <a:lnTo>
                <a:pt x="19" y="130"/>
              </a:lnTo>
              <a:lnTo>
                <a:pt x="19" y="124"/>
              </a:lnTo>
              <a:lnTo>
                <a:pt x="18" y="119"/>
              </a:lnTo>
              <a:lnTo>
                <a:pt x="15" y="116"/>
              </a:lnTo>
              <a:lnTo>
                <a:pt x="16" y="110"/>
              </a:lnTo>
              <a:lnTo>
                <a:pt x="17" y="104"/>
              </a:lnTo>
              <a:lnTo>
                <a:pt x="21" y="100"/>
              </a:lnTo>
              <a:lnTo>
                <a:pt x="25" y="95"/>
              </a:lnTo>
              <a:lnTo>
                <a:pt x="27" y="94"/>
              </a:lnTo>
              <a:lnTo>
                <a:pt x="30" y="89"/>
              </a:lnTo>
              <a:lnTo>
                <a:pt x="35" y="86"/>
              </a:lnTo>
              <a:lnTo>
                <a:pt x="40" y="81"/>
              </a:lnTo>
              <a:lnTo>
                <a:pt x="45" y="78"/>
              </a:lnTo>
              <a:lnTo>
                <a:pt x="49" y="73"/>
              </a:lnTo>
              <a:lnTo>
                <a:pt x="55" y="70"/>
              </a:lnTo>
              <a:lnTo>
                <a:pt x="59" y="70"/>
              </a:lnTo>
              <a:lnTo>
                <a:pt x="62" y="68"/>
              </a:lnTo>
              <a:lnTo>
                <a:pt x="67" y="68"/>
              </a:lnTo>
              <a:lnTo>
                <a:pt x="69" y="64"/>
              </a:lnTo>
              <a:lnTo>
                <a:pt x="73" y="63"/>
              </a:lnTo>
              <a:lnTo>
                <a:pt x="76" y="67"/>
              </a:lnTo>
              <a:lnTo>
                <a:pt x="79" y="67"/>
              </a:lnTo>
              <a:lnTo>
                <a:pt x="81" y="63"/>
              </a:lnTo>
              <a:lnTo>
                <a:pt x="85" y="61"/>
              </a:lnTo>
              <a:lnTo>
                <a:pt x="87" y="57"/>
              </a:lnTo>
              <a:lnTo>
                <a:pt x="92" y="53"/>
              </a:lnTo>
              <a:lnTo>
                <a:pt x="95" y="54"/>
              </a:lnTo>
              <a:lnTo>
                <a:pt x="101" y="52"/>
              </a:lnTo>
              <a:lnTo>
                <a:pt x="109" y="52"/>
              </a:lnTo>
              <a:lnTo>
                <a:pt x="116" y="50"/>
              </a:lnTo>
              <a:lnTo>
                <a:pt x="120" y="46"/>
              </a:lnTo>
              <a:lnTo>
                <a:pt x="127" y="46"/>
              </a:lnTo>
              <a:lnTo>
                <a:pt x="131" y="44"/>
              </a:lnTo>
              <a:lnTo>
                <a:pt x="135" y="45"/>
              </a:lnTo>
            </a:path>
          </a:pathLst>
        </a:custGeom>
        <a:noFill/>
        <a:ln w="28575" cap="flat">
          <a:solidFill>
            <a:srgbClr xmlns:mc="http://schemas.openxmlformats.org/markup-compatibility/2006" xmlns:a14="http://schemas.microsoft.com/office/drawing/2010/main" val="000000" mc:Ignorable="a14" a14:legacySpreadsheetColorIndex="8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</a:extLst>
      </xdr:spPr>
    </xdr:sp>
    <xdr:clientData/>
  </xdr:twoCellAnchor>
  <xdr:twoCellAnchor>
    <xdr:from>
      <xdr:col>17</xdr:col>
      <xdr:colOff>529745</xdr:colOff>
      <xdr:row>15</xdr:row>
      <xdr:rowOff>4421</xdr:rowOff>
    </xdr:from>
    <xdr:to>
      <xdr:col>19</xdr:col>
      <xdr:colOff>549602</xdr:colOff>
      <xdr:row>21</xdr:row>
      <xdr:rowOff>157563</xdr:rowOff>
    </xdr:to>
    <xdr:sp macro="" textlink="">
      <xdr:nvSpPr>
        <xdr:cNvPr id="192" name="d14380"/>
        <xdr:cNvSpPr>
          <a:spLocks/>
        </xdr:cNvSpPr>
      </xdr:nvSpPr>
      <xdr:spPr bwMode="auto">
        <a:xfrm>
          <a:off x="13121795" y="5465421"/>
          <a:ext cx="1785157" cy="2020042"/>
        </a:xfrm>
        <a:custGeom>
          <a:avLst/>
          <a:gdLst>
            <a:gd name="T0" fmla="*/ 5845300 w 224"/>
            <a:gd name="T1" fmla="*/ 303028800 h 218"/>
            <a:gd name="T2" fmla="*/ 5845300 w 224"/>
            <a:gd name="T3" fmla="*/ 303028800 h 218"/>
            <a:gd name="T4" fmla="*/ 5845300 w 224"/>
            <a:gd name="T5" fmla="*/ 303028800 h 218"/>
            <a:gd name="T6" fmla="*/ 5845300 w 224"/>
            <a:gd name="T7" fmla="*/ 0 h 218"/>
            <a:gd name="T8" fmla="*/ 5845300 w 224"/>
            <a:gd name="T9" fmla="*/ 303028800 h 218"/>
            <a:gd name="T10" fmla="*/ 5845300 w 224"/>
            <a:gd name="T11" fmla="*/ 303028800 h 218"/>
            <a:gd name="T12" fmla="*/ 5845300 w 224"/>
            <a:gd name="T13" fmla="*/ 303028800 h 218"/>
            <a:gd name="T14" fmla="*/ 5845300 w 224"/>
            <a:gd name="T15" fmla="*/ 303028800 h 218"/>
            <a:gd name="T16" fmla="*/ 5845300 w 224"/>
            <a:gd name="T17" fmla="*/ 303028800 h 218"/>
            <a:gd name="T18" fmla="*/ 5845300 w 224"/>
            <a:gd name="T19" fmla="*/ 303028800 h 218"/>
            <a:gd name="T20" fmla="*/ 5845300 w 224"/>
            <a:gd name="T21" fmla="*/ 303028800 h 218"/>
            <a:gd name="T22" fmla="*/ 5845300 w 224"/>
            <a:gd name="T23" fmla="*/ 303028800 h 218"/>
            <a:gd name="T24" fmla="*/ 5845300 w 224"/>
            <a:gd name="T25" fmla="*/ 303028800 h 218"/>
            <a:gd name="T26" fmla="*/ 5845300 w 224"/>
            <a:gd name="T27" fmla="*/ 303028800 h 218"/>
            <a:gd name="T28" fmla="*/ 5845300 w 224"/>
            <a:gd name="T29" fmla="*/ 303028800 h 218"/>
            <a:gd name="T30" fmla="*/ 5845300 w 224"/>
            <a:gd name="T31" fmla="*/ 303028800 h 218"/>
            <a:gd name="T32" fmla="*/ 5845300 w 224"/>
            <a:gd name="T33" fmla="*/ 303028800 h 218"/>
            <a:gd name="T34" fmla="*/ 5845300 w 224"/>
            <a:gd name="T35" fmla="*/ 303028800 h 218"/>
            <a:gd name="T36" fmla="*/ 5845300 w 224"/>
            <a:gd name="T37" fmla="*/ 303028800 h 218"/>
            <a:gd name="T38" fmla="*/ 5845300 w 224"/>
            <a:gd name="T39" fmla="*/ 303028800 h 218"/>
            <a:gd name="T40" fmla="*/ 5845300 w 224"/>
            <a:gd name="T41" fmla="*/ 303028800 h 218"/>
            <a:gd name="T42" fmla="*/ 5845300 w 224"/>
            <a:gd name="T43" fmla="*/ 303028800 h 218"/>
            <a:gd name="T44" fmla="*/ 5845300 w 224"/>
            <a:gd name="T45" fmla="*/ 303028800 h 218"/>
            <a:gd name="T46" fmla="*/ 5845300 w 224"/>
            <a:gd name="T47" fmla="*/ 303028800 h 218"/>
            <a:gd name="T48" fmla="*/ 5845300 w 224"/>
            <a:gd name="T49" fmla="*/ 303028800 h 218"/>
            <a:gd name="T50" fmla="*/ 5845300 w 224"/>
            <a:gd name="T51" fmla="*/ 303028800 h 218"/>
            <a:gd name="T52" fmla="*/ 5845300 w 224"/>
            <a:gd name="T53" fmla="*/ 303028800 h 218"/>
            <a:gd name="T54" fmla="*/ 5845300 w 224"/>
            <a:gd name="T55" fmla="*/ 303028800 h 218"/>
            <a:gd name="T56" fmla="*/ 5845300 w 224"/>
            <a:gd name="T57" fmla="*/ 303028800 h 218"/>
            <a:gd name="T58" fmla="*/ 5845300 w 224"/>
            <a:gd name="T59" fmla="*/ 303028800 h 218"/>
            <a:gd name="T60" fmla="*/ 5845300 w 224"/>
            <a:gd name="T61" fmla="*/ 303028800 h 218"/>
            <a:gd name="T62" fmla="*/ 5845300 w 224"/>
            <a:gd name="T63" fmla="*/ 303028800 h 218"/>
            <a:gd name="T64" fmla="*/ 5845300 w 224"/>
            <a:gd name="T65" fmla="*/ 303028800 h 218"/>
            <a:gd name="T66" fmla="*/ 5845300 w 224"/>
            <a:gd name="T67" fmla="*/ 303028800 h 218"/>
            <a:gd name="T68" fmla="*/ 5845300 w 224"/>
            <a:gd name="T69" fmla="*/ 303028800 h 218"/>
            <a:gd name="T70" fmla="*/ 5845300 w 224"/>
            <a:gd name="T71" fmla="*/ 303028800 h 218"/>
            <a:gd name="T72" fmla="*/ 5845300 w 224"/>
            <a:gd name="T73" fmla="*/ 303028800 h 218"/>
            <a:gd name="T74" fmla="*/ 5845300 w 224"/>
            <a:gd name="T75" fmla="*/ 303028800 h 218"/>
            <a:gd name="T76" fmla="*/ 5845300 w 224"/>
            <a:gd name="T77" fmla="*/ 303028800 h 218"/>
            <a:gd name="T78" fmla="*/ 5845300 w 224"/>
            <a:gd name="T79" fmla="*/ 303028800 h 218"/>
            <a:gd name="T80" fmla="*/ 5845300 w 224"/>
            <a:gd name="T81" fmla="*/ 303028800 h 218"/>
            <a:gd name="T82" fmla="*/ 5845300 w 224"/>
            <a:gd name="T83" fmla="*/ 303028800 h 218"/>
            <a:gd name="T84" fmla="*/ 5845300 w 224"/>
            <a:gd name="T85" fmla="*/ 303028800 h 218"/>
            <a:gd name="T86" fmla="*/ 5845300 w 224"/>
            <a:gd name="T87" fmla="*/ 303028800 h 218"/>
            <a:gd name="T88" fmla="*/ 5845300 w 224"/>
            <a:gd name="T89" fmla="*/ 303028800 h 218"/>
            <a:gd name="T90" fmla="*/ 5845300 w 224"/>
            <a:gd name="T91" fmla="*/ 303028800 h 218"/>
            <a:gd name="T92" fmla="*/ 5845300 w 224"/>
            <a:gd name="T93" fmla="*/ 303028800 h 218"/>
            <a:gd name="T94" fmla="*/ 5845300 w 224"/>
            <a:gd name="T95" fmla="*/ 303028800 h 218"/>
            <a:gd name="T96" fmla="*/ 5845300 w 224"/>
            <a:gd name="T97" fmla="*/ 303028800 h 218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224"/>
            <a:gd name="T148" fmla="*/ 0 h 218"/>
            <a:gd name="T149" fmla="*/ 224 w 224"/>
            <a:gd name="T150" fmla="*/ 218 h 218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224" h="218">
              <a:moveTo>
                <a:pt x="6" y="72"/>
              </a:moveTo>
              <a:lnTo>
                <a:pt x="3" y="71"/>
              </a:lnTo>
              <a:lnTo>
                <a:pt x="2" y="66"/>
              </a:lnTo>
              <a:lnTo>
                <a:pt x="1" y="58"/>
              </a:lnTo>
              <a:lnTo>
                <a:pt x="3" y="53"/>
              </a:lnTo>
              <a:lnTo>
                <a:pt x="0" y="47"/>
              </a:lnTo>
              <a:lnTo>
                <a:pt x="1" y="41"/>
              </a:lnTo>
              <a:lnTo>
                <a:pt x="5" y="34"/>
              </a:lnTo>
              <a:lnTo>
                <a:pt x="10" y="29"/>
              </a:lnTo>
              <a:lnTo>
                <a:pt x="12" y="24"/>
              </a:lnTo>
              <a:lnTo>
                <a:pt x="16" y="17"/>
              </a:lnTo>
              <a:lnTo>
                <a:pt x="22" y="12"/>
              </a:lnTo>
              <a:lnTo>
                <a:pt x="25" y="8"/>
              </a:lnTo>
              <a:lnTo>
                <a:pt x="26" y="5"/>
              </a:lnTo>
              <a:lnTo>
                <a:pt x="31" y="3"/>
              </a:lnTo>
              <a:lnTo>
                <a:pt x="38" y="0"/>
              </a:lnTo>
              <a:lnTo>
                <a:pt x="43" y="4"/>
              </a:lnTo>
              <a:lnTo>
                <a:pt x="46" y="8"/>
              </a:lnTo>
              <a:lnTo>
                <a:pt x="46" y="10"/>
              </a:lnTo>
              <a:lnTo>
                <a:pt x="48" y="12"/>
              </a:lnTo>
              <a:lnTo>
                <a:pt x="52" y="12"/>
              </a:lnTo>
              <a:lnTo>
                <a:pt x="53" y="14"/>
              </a:lnTo>
              <a:lnTo>
                <a:pt x="53" y="16"/>
              </a:lnTo>
              <a:lnTo>
                <a:pt x="56" y="15"/>
              </a:lnTo>
              <a:lnTo>
                <a:pt x="60" y="15"/>
              </a:lnTo>
              <a:lnTo>
                <a:pt x="65" y="18"/>
              </a:lnTo>
              <a:lnTo>
                <a:pt x="67" y="20"/>
              </a:lnTo>
              <a:lnTo>
                <a:pt x="70" y="22"/>
              </a:lnTo>
              <a:lnTo>
                <a:pt x="73" y="21"/>
              </a:lnTo>
              <a:lnTo>
                <a:pt x="77" y="19"/>
              </a:lnTo>
              <a:lnTo>
                <a:pt x="79" y="17"/>
              </a:lnTo>
              <a:lnTo>
                <a:pt x="83" y="16"/>
              </a:lnTo>
              <a:lnTo>
                <a:pt x="85" y="14"/>
              </a:lnTo>
              <a:lnTo>
                <a:pt x="90" y="12"/>
              </a:lnTo>
              <a:lnTo>
                <a:pt x="94" y="13"/>
              </a:lnTo>
              <a:lnTo>
                <a:pt x="94" y="17"/>
              </a:lnTo>
              <a:lnTo>
                <a:pt x="106" y="27"/>
              </a:lnTo>
              <a:lnTo>
                <a:pt x="106" y="30"/>
              </a:lnTo>
              <a:lnTo>
                <a:pt x="107" y="33"/>
              </a:lnTo>
              <a:lnTo>
                <a:pt x="110" y="37"/>
              </a:lnTo>
              <a:lnTo>
                <a:pt x="111" y="42"/>
              </a:lnTo>
              <a:lnTo>
                <a:pt x="111" y="47"/>
              </a:lnTo>
              <a:lnTo>
                <a:pt x="112" y="49"/>
              </a:lnTo>
              <a:lnTo>
                <a:pt x="115" y="50"/>
              </a:lnTo>
              <a:lnTo>
                <a:pt x="114" y="54"/>
              </a:lnTo>
              <a:lnTo>
                <a:pt x="110" y="55"/>
              </a:lnTo>
              <a:lnTo>
                <a:pt x="106" y="59"/>
              </a:lnTo>
              <a:lnTo>
                <a:pt x="106" y="62"/>
              </a:lnTo>
              <a:lnTo>
                <a:pt x="107" y="64"/>
              </a:lnTo>
              <a:lnTo>
                <a:pt x="110" y="64"/>
              </a:lnTo>
              <a:lnTo>
                <a:pt x="114" y="71"/>
              </a:lnTo>
              <a:lnTo>
                <a:pt x="116" y="71"/>
              </a:lnTo>
              <a:lnTo>
                <a:pt x="119" y="68"/>
              </a:lnTo>
              <a:lnTo>
                <a:pt x="121" y="69"/>
              </a:lnTo>
              <a:lnTo>
                <a:pt x="124" y="72"/>
              </a:lnTo>
              <a:lnTo>
                <a:pt x="127" y="76"/>
              </a:lnTo>
              <a:lnTo>
                <a:pt x="132" y="79"/>
              </a:lnTo>
              <a:lnTo>
                <a:pt x="135" y="78"/>
              </a:lnTo>
              <a:lnTo>
                <a:pt x="142" y="75"/>
              </a:lnTo>
              <a:lnTo>
                <a:pt x="142" y="73"/>
              </a:lnTo>
              <a:lnTo>
                <a:pt x="143" y="69"/>
              </a:lnTo>
              <a:lnTo>
                <a:pt x="146" y="67"/>
              </a:lnTo>
              <a:lnTo>
                <a:pt x="149" y="68"/>
              </a:lnTo>
              <a:lnTo>
                <a:pt x="151" y="70"/>
              </a:lnTo>
              <a:lnTo>
                <a:pt x="154" y="73"/>
              </a:lnTo>
              <a:lnTo>
                <a:pt x="156" y="73"/>
              </a:lnTo>
              <a:lnTo>
                <a:pt x="160" y="73"/>
              </a:lnTo>
              <a:lnTo>
                <a:pt x="164" y="74"/>
              </a:lnTo>
              <a:lnTo>
                <a:pt x="168" y="75"/>
              </a:lnTo>
              <a:lnTo>
                <a:pt x="177" y="72"/>
              </a:lnTo>
              <a:lnTo>
                <a:pt x="178" y="74"/>
              </a:lnTo>
              <a:lnTo>
                <a:pt x="177" y="79"/>
              </a:lnTo>
              <a:lnTo>
                <a:pt x="173" y="81"/>
              </a:lnTo>
              <a:lnTo>
                <a:pt x="172" y="84"/>
              </a:lnTo>
              <a:lnTo>
                <a:pt x="172" y="87"/>
              </a:lnTo>
              <a:lnTo>
                <a:pt x="172" y="90"/>
              </a:lnTo>
              <a:lnTo>
                <a:pt x="168" y="93"/>
              </a:lnTo>
              <a:lnTo>
                <a:pt x="163" y="92"/>
              </a:lnTo>
              <a:lnTo>
                <a:pt x="158" y="93"/>
              </a:lnTo>
              <a:lnTo>
                <a:pt x="156" y="95"/>
              </a:lnTo>
              <a:lnTo>
                <a:pt x="152" y="95"/>
              </a:lnTo>
              <a:lnTo>
                <a:pt x="147" y="99"/>
              </a:lnTo>
              <a:lnTo>
                <a:pt x="143" y="101"/>
              </a:lnTo>
              <a:lnTo>
                <a:pt x="140" y="105"/>
              </a:lnTo>
              <a:lnTo>
                <a:pt x="137" y="107"/>
              </a:lnTo>
              <a:lnTo>
                <a:pt x="134" y="110"/>
              </a:lnTo>
              <a:lnTo>
                <a:pt x="135" y="113"/>
              </a:lnTo>
              <a:lnTo>
                <a:pt x="134" y="118"/>
              </a:lnTo>
              <a:lnTo>
                <a:pt x="131" y="122"/>
              </a:lnTo>
              <a:lnTo>
                <a:pt x="130" y="128"/>
              </a:lnTo>
              <a:lnTo>
                <a:pt x="126" y="130"/>
              </a:lnTo>
              <a:lnTo>
                <a:pt x="126" y="135"/>
              </a:lnTo>
              <a:lnTo>
                <a:pt x="129" y="136"/>
              </a:lnTo>
              <a:lnTo>
                <a:pt x="135" y="139"/>
              </a:lnTo>
              <a:lnTo>
                <a:pt x="138" y="138"/>
              </a:lnTo>
              <a:lnTo>
                <a:pt x="142" y="140"/>
              </a:lnTo>
              <a:lnTo>
                <a:pt x="146" y="146"/>
              </a:lnTo>
              <a:lnTo>
                <a:pt x="152" y="147"/>
              </a:lnTo>
              <a:lnTo>
                <a:pt x="158" y="149"/>
              </a:lnTo>
              <a:lnTo>
                <a:pt x="163" y="150"/>
              </a:lnTo>
              <a:lnTo>
                <a:pt x="168" y="151"/>
              </a:lnTo>
              <a:lnTo>
                <a:pt x="179" y="156"/>
              </a:lnTo>
              <a:lnTo>
                <a:pt x="195" y="165"/>
              </a:lnTo>
              <a:lnTo>
                <a:pt x="198" y="163"/>
              </a:lnTo>
              <a:lnTo>
                <a:pt x="199" y="165"/>
              </a:lnTo>
              <a:lnTo>
                <a:pt x="201" y="168"/>
              </a:lnTo>
              <a:lnTo>
                <a:pt x="205" y="171"/>
              </a:lnTo>
              <a:lnTo>
                <a:pt x="207" y="174"/>
              </a:lnTo>
              <a:lnTo>
                <a:pt x="204" y="178"/>
              </a:lnTo>
              <a:lnTo>
                <a:pt x="203" y="183"/>
              </a:lnTo>
              <a:lnTo>
                <a:pt x="202" y="188"/>
              </a:lnTo>
              <a:lnTo>
                <a:pt x="203" y="189"/>
              </a:lnTo>
              <a:lnTo>
                <a:pt x="204" y="191"/>
              </a:lnTo>
              <a:lnTo>
                <a:pt x="206" y="194"/>
              </a:lnTo>
              <a:lnTo>
                <a:pt x="206" y="199"/>
              </a:lnTo>
              <a:lnTo>
                <a:pt x="203" y="199"/>
              </a:lnTo>
              <a:lnTo>
                <a:pt x="206" y="201"/>
              </a:lnTo>
              <a:lnTo>
                <a:pt x="210" y="205"/>
              </a:lnTo>
              <a:lnTo>
                <a:pt x="214" y="207"/>
              </a:lnTo>
              <a:lnTo>
                <a:pt x="219" y="208"/>
              </a:lnTo>
              <a:lnTo>
                <a:pt x="222" y="209"/>
              </a:lnTo>
              <a:lnTo>
                <a:pt x="222" y="213"/>
              </a:lnTo>
              <a:lnTo>
                <a:pt x="224" y="216"/>
              </a:lnTo>
              <a:lnTo>
                <a:pt x="222" y="217"/>
              </a:lnTo>
              <a:lnTo>
                <a:pt x="220" y="216"/>
              </a:lnTo>
              <a:lnTo>
                <a:pt x="218" y="217"/>
              </a:lnTo>
              <a:lnTo>
                <a:pt x="217" y="218"/>
              </a:lnTo>
              <a:lnTo>
                <a:pt x="215" y="217"/>
              </a:lnTo>
              <a:lnTo>
                <a:pt x="213" y="217"/>
              </a:lnTo>
              <a:lnTo>
                <a:pt x="212" y="215"/>
              </a:lnTo>
              <a:lnTo>
                <a:pt x="209" y="214"/>
              </a:lnTo>
              <a:lnTo>
                <a:pt x="209" y="211"/>
              </a:lnTo>
              <a:lnTo>
                <a:pt x="206" y="211"/>
              </a:lnTo>
              <a:lnTo>
                <a:pt x="202" y="210"/>
              </a:lnTo>
              <a:lnTo>
                <a:pt x="199" y="208"/>
              </a:lnTo>
              <a:lnTo>
                <a:pt x="198" y="206"/>
              </a:lnTo>
              <a:lnTo>
                <a:pt x="197" y="206"/>
              </a:lnTo>
              <a:lnTo>
                <a:pt x="195" y="205"/>
              </a:lnTo>
              <a:lnTo>
                <a:pt x="194" y="203"/>
              </a:lnTo>
              <a:lnTo>
                <a:pt x="187" y="204"/>
              </a:lnTo>
              <a:lnTo>
                <a:pt x="179" y="203"/>
              </a:lnTo>
              <a:lnTo>
                <a:pt x="174" y="207"/>
              </a:lnTo>
              <a:lnTo>
                <a:pt x="170" y="212"/>
              </a:lnTo>
              <a:lnTo>
                <a:pt x="166" y="216"/>
              </a:lnTo>
              <a:lnTo>
                <a:pt x="163" y="214"/>
              </a:lnTo>
              <a:lnTo>
                <a:pt x="159" y="216"/>
              </a:lnTo>
              <a:lnTo>
                <a:pt x="155" y="217"/>
              </a:lnTo>
              <a:lnTo>
                <a:pt x="151" y="218"/>
              </a:lnTo>
              <a:lnTo>
                <a:pt x="148" y="218"/>
              </a:lnTo>
              <a:lnTo>
                <a:pt x="146" y="217"/>
              </a:lnTo>
              <a:lnTo>
                <a:pt x="142" y="217"/>
              </a:lnTo>
              <a:lnTo>
                <a:pt x="140" y="217"/>
              </a:lnTo>
              <a:lnTo>
                <a:pt x="136" y="217"/>
              </a:lnTo>
              <a:lnTo>
                <a:pt x="131" y="216"/>
              </a:lnTo>
              <a:lnTo>
                <a:pt x="129" y="216"/>
              </a:lnTo>
              <a:lnTo>
                <a:pt x="126" y="214"/>
              </a:lnTo>
              <a:lnTo>
                <a:pt x="124" y="212"/>
              </a:lnTo>
              <a:lnTo>
                <a:pt x="121" y="210"/>
              </a:lnTo>
              <a:lnTo>
                <a:pt x="114" y="211"/>
              </a:lnTo>
              <a:lnTo>
                <a:pt x="106" y="211"/>
              </a:lnTo>
              <a:lnTo>
                <a:pt x="100" y="207"/>
              </a:lnTo>
              <a:lnTo>
                <a:pt x="95" y="208"/>
              </a:lnTo>
              <a:lnTo>
                <a:pt x="89" y="203"/>
              </a:lnTo>
              <a:lnTo>
                <a:pt x="82" y="205"/>
              </a:lnTo>
              <a:lnTo>
                <a:pt x="76" y="200"/>
              </a:lnTo>
              <a:lnTo>
                <a:pt x="73" y="199"/>
              </a:lnTo>
              <a:lnTo>
                <a:pt x="67" y="203"/>
              </a:lnTo>
              <a:lnTo>
                <a:pt x="66" y="199"/>
              </a:lnTo>
              <a:lnTo>
                <a:pt x="67" y="194"/>
              </a:lnTo>
              <a:lnTo>
                <a:pt x="69" y="190"/>
              </a:lnTo>
              <a:lnTo>
                <a:pt x="64" y="187"/>
              </a:lnTo>
              <a:lnTo>
                <a:pt x="67" y="182"/>
              </a:lnTo>
              <a:lnTo>
                <a:pt x="66" y="177"/>
              </a:lnTo>
              <a:lnTo>
                <a:pt x="67" y="174"/>
              </a:lnTo>
              <a:lnTo>
                <a:pt x="65" y="172"/>
              </a:lnTo>
              <a:lnTo>
                <a:pt x="63" y="166"/>
              </a:lnTo>
              <a:lnTo>
                <a:pt x="51" y="156"/>
              </a:lnTo>
              <a:lnTo>
                <a:pt x="48" y="155"/>
              </a:lnTo>
              <a:lnTo>
                <a:pt x="47" y="156"/>
              </a:lnTo>
              <a:lnTo>
                <a:pt x="42" y="153"/>
              </a:lnTo>
              <a:lnTo>
                <a:pt x="36" y="146"/>
              </a:lnTo>
              <a:lnTo>
                <a:pt x="35" y="146"/>
              </a:lnTo>
              <a:lnTo>
                <a:pt x="31" y="138"/>
              </a:lnTo>
              <a:lnTo>
                <a:pt x="28" y="137"/>
              </a:lnTo>
              <a:lnTo>
                <a:pt x="23" y="131"/>
              </a:lnTo>
              <a:lnTo>
                <a:pt x="19" y="128"/>
              </a:lnTo>
              <a:lnTo>
                <a:pt x="18" y="124"/>
              </a:lnTo>
              <a:lnTo>
                <a:pt x="18" y="118"/>
              </a:lnTo>
              <a:lnTo>
                <a:pt x="17" y="113"/>
              </a:lnTo>
              <a:lnTo>
                <a:pt x="13" y="107"/>
              </a:lnTo>
              <a:lnTo>
                <a:pt x="12" y="104"/>
              </a:lnTo>
              <a:lnTo>
                <a:pt x="12" y="99"/>
              </a:lnTo>
              <a:lnTo>
                <a:pt x="8" y="88"/>
              </a:lnTo>
              <a:lnTo>
                <a:pt x="9" y="84"/>
              </a:lnTo>
              <a:lnTo>
                <a:pt x="6" y="79"/>
              </a:lnTo>
              <a:lnTo>
                <a:pt x="6" y="72"/>
              </a:lnTo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7</xdr:col>
      <xdr:colOff>856025</xdr:colOff>
      <xdr:row>12</xdr:row>
      <xdr:rowOff>103638</xdr:rowOff>
    </xdr:from>
    <xdr:to>
      <xdr:col>19</xdr:col>
      <xdr:colOff>284525</xdr:colOff>
      <xdr:row>15</xdr:row>
      <xdr:rowOff>255867</xdr:rowOff>
    </xdr:to>
    <xdr:sp macro="" textlink="">
      <xdr:nvSpPr>
        <xdr:cNvPr id="193" name="d14217"/>
        <xdr:cNvSpPr>
          <a:spLocks/>
        </xdr:cNvSpPr>
      </xdr:nvSpPr>
      <xdr:spPr bwMode="auto">
        <a:xfrm>
          <a:off x="13448075" y="4631188"/>
          <a:ext cx="1193799" cy="1085679"/>
        </a:xfrm>
        <a:custGeom>
          <a:avLst/>
          <a:gdLst>
            <a:gd name="T0" fmla="*/ 16279 w 16384"/>
            <a:gd name="T1" fmla="*/ 8051 h 16384"/>
            <a:gd name="T2" fmla="*/ 16069 w 16384"/>
            <a:gd name="T3" fmla="*/ 8757 h 16384"/>
            <a:gd name="T4" fmla="*/ 16069 w 16384"/>
            <a:gd name="T5" fmla="*/ 9604 h 16384"/>
            <a:gd name="T6" fmla="*/ 16174 w 16384"/>
            <a:gd name="T7" fmla="*/ 10452 h 16384"/>
            <a:gd name="T8" fmla="*/ 16069 w 16384"/>
            <a:gd name="T9" fmla="*/ 11864 h 16384"/>
            <a:gd name="T10" fmla="*/ 16069 w 16384"/>
            <a:gd name="T11" fmla="*/ 12712 h 16384"/>
            <a:gd name="T12" fmla="*/ 15439 w 16384"/>
            <a:gd name="T13" fmla="*/ 13418 h 16384"/>
            <a:gd name="T14" fmla="*/ 14599 w 16384"/>
            <a:gd name="T15" fmla="*/ 13418 h 16384"/>
            <a:gd name="T16" fmla="*/ 14704 w 16384"/>
            <a:gd name="T17" fmla="*/ 14548 h 16384"/>
            <a:gd name="T18" fmla="*/ 13758 w 16384"/>
            <a:gd name="T19" fmla="*/ 14830 h 16384"/>
            <a:gd name="T20" fmla="*/ 10923 w 16384"/>
            <a:gd name="T21" fmla="*/ 15113 h 16384"/>
            <a:gd name="T22" fmla="*/ 9872 w 16384"/>
            <a:gd name="T23" fmla="*/ 15678 h 16384"/>
            <a:gd name="T24" fmla="*/ 8717 w 16384"/>
            <a:gd name="T25" fmla="*/ 16243 h 16384"/>
            <a:gd name="T26" fmla="*/ 7142 w 16384"/>
            <a:gd name="T27" fmla="*/ 16384 h 16384"/>
            <a:gd name="T28" fmla="*/ 5881 w 16384"/>
            <a:gd name="T29" fmla="*/ 14407 h 16384"/>
            <a:gd name="T30" fmla="*/ 4936 w 16384"/>
            <a:gd name="T31" fmla="*/ 14548 h 16384"/>
            <a:gd name="T32" fmla="*/ 4306 w 16384"/>
            <a:gd name="T33" fmla="*/ 14972 h 16384"/>
            <a:gd name="T34" fmla="*/ 3676 w 16384"/>
            <a:gd name="T35" fmla="*/ 15537 h 16384"/>
            <a:gd name="T36" fmla="*/ 3046 w 16384"/>
            <a:gd name="T37" fmla="*/ 15395 h 16384"/>
            <a:gd name="T38" fmla="*/ 2311 w 16384"/>
            <a:gd name="T39" fmla="*/ 14689 h 16384"/>
            <a:gd name="T40" fmla="*/ 1575 w 16384"/>
            <a:gd name="T41" fmla="*/ 14830 h 16384"/>
            <a:gd name="T42" fmla="*/ 1470 w 16384"/>
            <a:gd name="T43" fmla="*/ 14265 h 16384"/>
            <a:gd name="T44" fmla="*/ 840 w 16384"/>
            <a:gd name="T45" fmla="*/ 13983 h 16384"/>
            <a:gd name="T46" fmla="*/ 525 w 16384"/>
            <a:gd name="T47" fmla="*/ 13135 h 16384"/>
            <a:gd name="T48" fmla="*/ 0 w 16384"/>
            <a:gd name="T49" fmla="*/ 12288 h 16384"/>
            <a:gd name="T50" fmla="*/ 210 w 16384"/>
            <a:gd name="T51" fmla="*/ 10593 h 16384"/>
            <a:gd name="T52" fmla="*/ 525 w 16384"/>
            <a:gd name="T53" fmla="*/ 9604 h 16384"/>
            <a:gd name="T54" fmla="*/ 840 w 16384"/>
            <a:gd name="T55" fmla="*/ 8333 h 16384"/>
            <a:gd name="T56" fmla="*/ 1050 w 16384"/>
            <a:gd name="T57" fmla="*/ 7203 h 16384"/>
            <a:gd name="T58" fmla="*/ 1575 w 16384"/>
            <a:gd name="T59" fmla="*/ 5932 h 16384"/>
            <a:gd name="T60" fmla="*/ 1785 w 16384"/>
            <a:gd name="T61" fmla="*/ 4378 h 16384"/>
            <a:gd name="T62" fmla="*/ 2626 w 16384"/>
            <a:gd name="T63" fmla="*/ 4096 h 16384"/>
            <a:gd name="T64" fmla="*/ 3466 w 16384"/>
            <a:gd name="T65" fmla="*/ 3955 h 16384"/>
            <a:gd name="T66" fmla="*/ 3571 w 16384"/>
            <a:gd name="T67" fmla="*/ 2684 h 16384"/>
            <a:gd name="T68" fmla="*/ 4411 w 16384"/>
            <a:gd name="T69" fmla="*/ 1554 h 16384"/>
            <a:gd name="T70" fmla="*/ 5566 w 16384"/>
            <a:gd name="T71" fmla="*/ 1130 h 16384"/>
            <a:gd name="T72" fmla="*/ 6091 w 16384"/>
            <a:gd name="T73" fmla="*/ 282 h 16384"/>
            <a:gd name="T74" fmla="*/ 7142 w 16384"/>
            <a:gd name="T75" fmla="*/ 141 h 16384"/>
            <a:gd name="T76" fmla="*/ 7877 w 16384"/>
            <a:gd name="T77" fmla="*/ 847 h 16384"/>
            <a:gd name="T78" fmla="*/ 9347 w 16384"/>
            <a:gd name="T79" fmla="*/ 847 h 16384"/>
            <a:gd name="T80" fmla="*/ 10293 w 16384"/>
            <a:gd name="T81" fmla="*/ 565 h 16384"/>
            <a:gd name="T82" fmla="*/ 11238 w 16384"/>
            <a:gd name="T83" fmla="*/ 565 h 16384"/>
            <a:gd name="T84" fmla="*/ 12393 w 16384"/>
            <a:gd name="T85" fmla="*/ 424 h 16384"/>
            <a:gd name="T86" fmla="*/ 13443 w 16384"/>
            <a:gd name="T87" fmla="*/ 0 h 16384"/>
            <a:gd name="T88" fmla="*/ 13338 w 16384"/>
            <a:gd name="T89" fmla="*/ 847 h 16384"/>
            <a:gd name="T90" fmla="*/ 13338 w 16384"/>
            <a:gd name="T91" fmla="*/ 2119 h 16384"/>
            <a:gd name="T92" fmla="*/ 14073 w 16384"/>
            <a:gd name="T93" fmla="*/ 2825 h 16384"/>
            <a:gd name="T94" fmla="*/ 14283 w 16384"/>
            <a:gd name="T95" fmla="*/ 4378 h 16384"/>
            <a:gd name="T96" fmla="*/ 14809 w 16384"/>
            <a:gd name="T97" fmla="*/ 6356 h 16384"/>
            <a:gd name="T98" fmla="*/ 15334 w 16384"/>
            <a:gd name="T99" fmla="*/ 6780 h 16384"/>
            <a:gd name="T100" fmla="*/ 15754 w 16384"/>
            <a:gd name="T101" fmla="*/ 7486 h 16384"/>
          </a:gdLst>
          <a:ahLst/>
          <a:cxnLst>
            <a:cxn ang="0">
              <a:pos x="T0" y="T1"/>
            </a:cxn>
            <a:cxn ang="0">
              <a:pos x="T2" y="T3"/>
            </a:cxn>
            <a:cxn ang="0">
              <a:pos x="T4" y="T5"/>
            </a:cxn>
            <a:cxn ang="0">
              <a:pos x="T6" y="T7"/>
            </a:cxn>
            <a:cxn ang="0">
              <a:pos x="T8" y="T9"/>
            </a:cxn>
            <a:cxn ang="0">
              <a:pos x="T10" y="T11"/>
            </a:cxn>
            <a:cxn ang="0">
              <a:pos x="T12" y="T13"/>
            </a:cxn>
            <a:cxn ang="0">
              <a:pos x="T14" y="T15"/>
            </a:cxn>
            <a:cxn ang="0">
              <a:pos x="T16" y="T17"/>
            </a:cxn>
            <a:cxn ang="0">
              <a:pos x="T18" y="T19"/>
            </a:cxn>
            <a:cxn ang="0">
              <a:pos x="T20" y="T21"/>
            </a:cxn>
            <a:cxn ang="0">
              <a:pos x="T22" y="T23"/>
            </a:cxn>
            <a:cxn ang="0">
              <a:pos x="T24" y="T25"/>
            </a:cxn>
            <a:cxn ang="0">
              <a:pos x="T26" y="T27"/>
            </a:cxn>
            <a:cxn ang="0">
              <a:pos x="T28" y="T29"/>
            </a:cxn>
            <a:cxn ang="0">
              <a:pos x="T30" y="T31"/>
            </a:cxn>
            <a:cxn ang="0">
              <a:pos x="T32" y="T33"/>
            </a:cxn>
            <a:cxn ang="0">
              <a:pos x="T34" y="T35"/>
            </a:cxn>
            <a:cxn ang="0">
              <a:pos x="T36" y="T37"/>
            </a:cxn>
            <a:cxn ang="0">
              <a:pos x="T38" y="T39"/>
            </a:cxn>
            <a:cxn ang="0">
              <a:pos x="T40" y="T41"/>
            </a:cxn>
            <a:cxn ang="0">
              <a:pos x="T42" y="T43"/>
            </a:cxn>
            <a:cxn ang="0">
              <a:pos x="T44" y="T45"/>
            </a:cxn>
            <a:cxn ang="0">
              <a:pos x="T46" y="T47"/>
            </a:cxn>
            <a:cxn ang="0">
              <a:pos x="T48" y="T49"/>
            </a:cxn>
            <a:cxn ang="0">
              <a:pos x="T50" y="T51"/>
            </a:cxn>
            <a:cxn ang="0">
              <a:pos x="T52" y="T53"/>
            </a:cxn>
            <a:cxn ang="0">
              <a:pos x="T54" y="T55"/>
            </a:cxn>
            <a:cxn ang="0">
              <a:pos x="T56" y="T57"/>
            </a:cxn>
            <a:cxn ang="0">
              <a:pos x="T58" y="T59"/>
            </a:cxn>
            <a:cxn ang="0">
              <a:pos x="T60" y="T61"/>
            </a:cxn>
            <a:cxn ang="0">
              <a:pos x="T62" y="T63"/>
            </a:cxn>
            <a:cxn ang="0">
              <a:pos x="T64" y="T65"/>
            </a:cxn>
            <a:cxn ang="0">
              <a:pos x="T66" y="T67"/>
            </a:cxn>
            <a:cxn ang="0">
              <a:pos x="T68" y="T69"/>
            </a:cxn>
            <a:cxn ang="0">
              <a:pos x="T70" y="T71"/>
            </a:cxn>
            <a:cxn ang="0">
              <a:pos x="T72" y="T73"/>
            </a:cxn>
            <a:cxn ang="0">
              <a:pos x="T74" y="T75"/>
            </a:cxn>
            <a:cxn ang="0">
              <a:pos x="T76" y="T77"/>
            </a:cxn>
            <a:cxn ang="0">
              <a:pos x="T78" y="T79"/>
            </a:cxn>
            <a:cxn ang="0">
              <a:pos x="T80" y="T81"/>
            </a:cxn>
            <a:cxn ang="0">
              <a:pos x="T82" y="T83"/>
            </a:cxn>
            <a:cxn ang="0">
              <a:pos x="T84" y="T85"/>
            </a:cxn>
            <a:cxn ang="0">
              <a:pos x="T86" y="T87"/>
            </a:cxn>
            <a:cxn ang="0">
              <a:pos x="T88" y="T89"/>
            </a:cxn>
            <a:cxn ang="0">
              <a:pos x="T90" y="T91"/>
            </a:cxn>
            <a:cxn ang="0">
              <a:pos x="T92" y="T93"/>
            </a:cxn>
            <a:cxn ang="0">
              <a:pos x="T94" y="T95"/>
            </a:cxn>
            <a:cxn ang="0">
              <a:pos x="T96" y="T97"/>
            </a:cxn>
            <a:cxn ang="0">
              <a:pos x="T98" y="T99"/>
            </a:cxn>
            <a:cxn ang="0">
              <a:pos x="T100" y="T101"/>
            </a:cxn>
          </a:cxnLst>
          <a:rect l="0" t="0" r="r" b="b"/>
          <a:pathLst>
            <a:path w="16384" h="16384">
              <a:moveTo>
                <a:pt x="16069" y="7486"/>
              </a:moveTo>
              <a:lnTo>
                <a:pt x="16279" y="8051"/>
              </a:lnTo>
              <a:lnTo>
                <a:pt x="16384" y="8333"/>
              </a:lnTo>
              <a:lnTo>
                <a:pt x="16069" y="8757"/>
              </a:lnTo>
              <a:lnTo>
                <a:pt x="15964" y="9181"/>
              </a:lnTo>
              <a:lnTo>
                <a:pt x="16069" y="9604"/>
              </a:lnTo>
              <a:lnTo>
                <a:pt x="16174" y="10311"/>
              </a:lnTo>
              <a:lnTo>
                <a:pt x="16174" y="10452"/>
              </a:lnTo>
              <a:lnTo>
                <a:pt x="16384" y="11723"/>
              </a:lnTo>
              <a:lnTo>
                <a:pt x="16069" y="11864"/>
              </a:lnTo>
              <a:lnTo>
                <a:pt x="16174" y="12288"/>
              </a:lnTo>
              <a:lnTo>
                <a:pt x="16069" y="12712"/>
              </a:lnTo>
              <a:lnTo>
                <a:pt x="15859" y="13277"/>
              </a:lnTo>
              <a:lnTo>
                <a:pt x="15439" y="13418"/>
              </a:lnTo>
              <a:lnTo>
                <a:pt x="14914" y="13277"/>
              </a:lnTo>
              <a:lnTo>
                <a:pt x="14599" y="13418"/>
              </a:lnTo>
              <a:lnTo>
                <a:pt x="14599" y="13842"/>
              </a:lnTo>
              <a:lnTo>
                <a:pt x="14704" y="14548"/>
              </a:lnTo>
              <a:lnTo>
                <a:pt x="14073" y="14830"/>
              </a:lnTo>
              <a:lnTo>
                <a:pt x="13758" y="14830"/>
              </a:lnTo>
              <a:lnTo>
                <a:pt x="13023" y="14972"/>
              </a:lnTo>
              <a:lnTo>
                <a:pt x="10923" y="15113"/>
              </a:lnTo>
              <a:lnTo>
                <a:pt x="10713" y="15537"/>
              </a:lnTo>
              <a:lnTo>
                <a:pt x="9872" y="15678"/>
              </a:lnTo>
              <a:lnTo>
                <a:pt x="9137" y="16102"/>
              </a:lnTo>
              <a:lnTo>
                <a:pt x="8717" y="16243"/>
              </a:lnTo>
              <a:lnTo>
                <a:pt x="7877" y="16102"/>
              </a:lnTo>
              <a:lnTo>
                <a:pt x="7142" y="16384"/>
              </a:lnTo>
              <a:lnTo>
                <a:pt x="5881" y="14972"/>
              </a:lnTo>
              <a:lnTo>
                <a:pt x="5881" y="14407"/>
              </a:lnTo>
              <a:lnTo>
                <a:pt x="5461" y="14265"/>
              </a:lnTo>
              <a:lnTo>
                <a:pt x="4936" y="14548"/>
              </a:lnTo>
              <a:lnTo>
                <a:pt x="4726" y="14830"/>
              </a:lnTo>
              <a:lnTo>
                <a:pt x="4306" y="14972"/>
              </a:lnTo>
              <a:lnTo>
                <a:pt x="4096" y="15254"/>
              </a:lnTo>
              <a:lnTo>
                <a:pt x="3676" y="15537"/>
              </a:lnTo>
              <a:lnTo>
                <a:pt x="3361" y="15678"/>
              </a:lnTo>
              <a:lnTo>
                <a:pt x="3046" y="15395"/>
              </a:lnTo>
              <a:lnTo>
                <a:pt x="2836" y="15113"/>
              </a:lnTo>
              <a:lnTo>
                <a:pt x="2311" y="14689"/>
              </a:lnTo>
              <a:lnTo>
                <a:pt x="1890" y="14689"/>
              </a:lnTo>
              <a:lnTo>
                <a:pt x="1575" y="14830"/>
              </a:lnTo>
              <a:lnTo>
                <a:pt x="1575" y="14548"/>
              </a:lnTo>
              <a:lnTo>
                <a:pt x="1470" y="14265"/>
              </a:lnTo>
              <a:lnTo>
                <a:pt x="1050" y="14265"/>
              </a:lnTo>
              <a:lnTo>
                <a:pt x="840" y="13983"/>
              </a:lnTo>
              <a:lnTo>
                <a:pt x="840" y="13700"/>
              </a:lnTo>
              <a:lnTo>
                <a:pt x="525" y="13135"/>
              </a:lnTo>
              <a:lnTo>
                <a:pt x="0" y="12570"/>
              </a:lnTo>
              <a:lnTo>
                <a:pt x="0" y="12288"/>
              </a:lnTo>
              <a:lnTo>
                <a:pt x="210" y="11582"/>
              </a:lnTo>
              <a:lnTo>
                <a:pt x="210" y="10593"/>
              </a:lnTo>
              <a:lnTo>
                <a:pt x="420" y="10169"/>
              </a:lnTo>
              <a:lnTo>
                <a:pt x="525" y="9604"/>
              </a:lnTo>
              <a:lnTo>
                <a:pt x="630" y="8898"/>
              </a:lnTo>
              <a:lnTo>
                <a:pt x="840" y="8333"/>
              </a:lnTo>
              <a:lnTo>
                <a:pt x="735" y="7768"/>
              </a:lnTo>
              <a:lnTo>
                <a:pt x="1050" y="7203"/>
              </a:lnTo>
              <a:lnTo>
                <a:pt x="1260" y="6638"/>
              </a:lnTo>
              <a:lnTo>
                <a:pt x="1575" y="5932"/>
              </a:lnTo>
              <a:lnTo>
                <a:pt x="1785" y="5226"/>
              </a:lnTo>
              <a:lnTo>
                <a:pt x="1785" y="4378"/>
              </a:lnTo>
              <a:lnTo>
                <a:pt x="2101" y="3955"/>
              </a:lnTo>
              <a:lnTo>
                <a:pt x="2626" y="4096"/>
              </a:lnTo>
              <a:lnTo>
                <a:pt x="3046" y="4096"/>
              </a:lnTo>
              <a:lnTo>
                <a:pt x="3466" y="3955"/>
              </a:lnTo>
              <a:lnTo>
                <a:pt x="3361" y="3107"/>
              </a:lnTo>
              <a:lnTo>
                <a:pt x="3571" y="2684"/>
              </a:lnTo>
              <a:lnTo>
                <a:pt x="4096" y="2260"/>
              </a:lnTo>
              <a:lnTo>
                <a:pt x="4411" y="1554"/>
              </a:lnTo>
              <a:lnTo>
                <a:pt x="4831" y="1130"/>
              </a:lnTo>
              <a:lnTo>
                <a:pt x="5566" y="1130"/>
              </a:lnTo>
              <a:lnTo>
                <a:pt x="5776" y="989"/>
              </a:lnTo>
              <a:lnTo>
                <a:pt x="6091" y="282"/>
              </a:lnTo>
              <a:lnTo>
                <a:pt x="6512" y="141"/>
              </a:lnTo>
              <a:lnTo>
                <a:pt x="7142" y="141"/>
              </a:lnTo>
              <a:lnTo>
                <a:pt x="7352" y="424"/>
              </a:lnTo>
              <a:lnTo>
                <a:pt x="7877" y="847"/>
              </a:lnTo>
              <a:lnTo>
                <a:pt x="8717" y="1130"/>
              </a:lnTo>
              <a:lnTo>
                <a:pt x="9347" y="847"/>
              </a:lnTo>
              <a:lnTo>
                <a:pt x="9767" y="282"/>
              </a:lnTo>
              <a:lnTo>
                <a:pt x="10293" y="565"/>
              </a:lnTo>
              <a:lnTo>
                <a:pt x="10818" y="424"/>
              </a:lnTo>
              <a:lnTo>
                <a:pt x="11238" y="565"/>
              </a:lnTo>
              <a:lnTo>
                <a:pt x="11763" y="989"/>
              </a:lnTo>
              <a:lnTo>
                <a:pt x="12393" y="424"/>
              </a:lnTo>
              <a:lnTo>
                <a:pt x="12813" y="141"/>
              </a:lnTo>
              <a:lnTo>
                <a:pt x="13443" y="0"/>
              </a:lnTo>
              <a:lnTo>
                <a:pt x="13443" y="424"/>
              </a:lnTo>
              <a:lnTo>
                <a:pt x="13338" y="847"/>
              </a:lnTo>
              <a:lnTo>
                <a:pt x="13023" y="1412"/>
              </a:lnTo>
              <a:lnTo>
                <a:pt x="13338" y="2119"/>
              </a:lnTo>
              <a:lnTo>
                <a:pt x="13653" y="2401"/>
              </a:lnTo>
              <a:lnTo>
                <a:pt x="14073" y="2825"/>
              </a:lnTo>
              <a:lnTo>
                <a:pt x="14178" y="3390"/>
              </a:lnTo>
              <a:lnTo>
                <a:pt x="14283" y="4378"/>
              </a:lnTo>
              <a:lnTo>
                <a:pt x="14599" y="5367"/>
              </a:lnTo>
              <a:lnTo>
                <a:pt x="14809" y="6356"/>
              </a:lnTo>
              <a:lnTo>
                <a:pt x="14914" y="6638"/>
              </a:lnTo>
              <a:lnTo>
                <a:pt x="15334" y="6780"/>
              </a:lnTo>
              <a:lnTo>
                <a:pt x="15649" y="6921"/>
              </a:lnTo>
              <a:lnTo>
                <a:pt x="15754" y="7486"/>
              </a:lnTo>
              <a:lnTo>
                <a:pt x="16069" y="7486"/>
              </a:lnTo>
              <a:close/>
            </a:path>
          </a:pathLst>
        </a:custGeom>
        <a:noFill/>
        <a:ln w="28575" cap="flat">
          <a:solidFill>
            <a:srgbClr xmlns:mc="http://schemas.openxmlformats.org/markup-compatibility/2006" xmlns:a14="http://schemas.microsoft.com/office/drawing/2010/main" val="000000" mc:Ignorable="a14" a14:legacySpreadsheetColorIndex="8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</a:extLst>
      </xdr:spPr>
    </xdr:sp>
    <xdr:clientData/>
  </xdr:twoCellAnchor>
  <xdr:twoCellAnchor>
    <xdr:from>
      <xdr:col>17</xdr:col>
      <xdr:colOff>858399</xdr:colOff>
      <xdr:row>14</xdr:row>
      <xdr:rowOff>223421</xdr:rowOff>
    </xdr:from>
    <xdr:to>
      <xdr:col>18</xdr:col>
      <xdr:colOff>465218</xdr:colOff>
      <xdr:row>16</xdr:row>
      <xdr:rowOff>9923</xdr:rowOff>
    </xdr:to>
    <xdr:sp macro="" textlink="">
      <xdr:nvSpPr>
        <xdr:cNvPr id="194" name="正方形/長方形 193"/>
        <xdr:cNvSpPr/>
      </xdr:nvSpPr>
      <xdr:spPr>
        <a:xfrm rot="1992247">
          <a:off x="13450449" y="5373271"/>
          <a:ext cx="527569" cy="408802"/>
        </a:xfrm>
        <a:prstGeom prst="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864524</xdr:colOff>
      <xdr:row>12</xdr:row>
      <xdr:rowOff>106634</xdr:rowOff>
    </xdr:from>
    <xdr:to>
      <xdr:col>19</xdr:col>
      <xdr:colOff>287766</xdr:colOff>
      <xdr:row>15</xdr:row>
      <xdr:rowOff>244659</xdr:rowOff>
    </xdr:to>
    <xdr:sp macro="" textlink="">
      <xdr:nvSpPr>
        <xdr:cNvPr id="195" name="d14217"/>
        <xdr:cNvSpPr>
          <a:spLocks/>
        </xdr:cNvSpPr>
      </xdr:nvSpPr>
      <xdr:spPr bwMode="auto">
        <a:xfrm>
          <a:off x="13456574" y="4634184"/>
          <a:ext cx="1188542" cy="107147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w 16384"/>
            <a:gd name="T154" fmla="*/ 0 h 16384"/>
            <a:gd name="T155" fmla="*/ 16384 w 16384"/>
            <a:gd name="T156" fmla="*/ 16384 h 16384"/>
          </a:gdLst>
          <a:ahLst/>
          <a:cxnLst>
            <a:cxn ang="T102">
              <a:pos x="T0" y="T1"/>
            </a:cxn>
            <a:cxn ang="T103">
              <a:pos x="T2" y="T3"/>
            </a:cxn>
            <a:cxn ang="T104">
              <a:pos x="T4" y="T5"/>
            </a:cxn>
            <a:cxn ang="T105">
              <a:pos x="T6" y="T7"/>
            </a:cxn>
            <a:cxn ang="T106">
              <a:pos x="T8" y="T9"/>
            </a:cxn>
            <a:cxn ang="T107">
              <a:pos x="T10" y="T11"/>
            </a:cxn>
            <a:cxn ang="T108">
              <a:pos x="T12" y="T13"/>
            </a:cxn>
            <a:cxn ang="T109">
              <a:pos x="T14" y="T15"/>
            </a:cxn>
            <a:cxn ang="T110">
              <a:pos x="T16" y="T17"/>
            </a:cxn>
            <a:cxn ang="T111">
              <a:pos x="T18" y="T19"/>
            </a:cxn>
            <a:cxn ang="T112">
              <a:pos x="T20" y="T21"/>
            </a:cxn>
            <a:cxn ang="T113">
              <a:pos x="T22" y="T23"/>
            </a:cxn>
            <a:cxn ang="T114">
              <a:pos x="T24" y="T25"/>
            </a:cxn>
            <a:cxn ang="T115">
              <a:pos x="T26" y="T27"/>
            </a:cxn>
            <a:cxn ang="T116">
              <a:pos x="T28" y="T29"/>
            </a:cxn>
            <a:cxn ang="T117">
              <a:pos x="T30" y="T31"/>
            </a:cxn>
            <a:cxn ang="T118">
              <a:pos x="T32" y="T33"/>
            </a:cxn>
            <a:cxn ang="T119">
              <a:pos x="T34" y="T35"/>
            </a:cxn>
            <a:cxn ang="T120">
              <a:pos x="T36" y="T37"/>
            </a:cxn>
            <a:cxn ang="T121">
              <a:pos x="T38" y="T39"/>
            </a:cxn>
            <a:cxn ang="T122">
              <a:pos x="T40" y="T41"/>
            </a:cxn>
            <a:cxn ang="T123">
              <a:pos x="T42" y="T43"/>
            </a:cxn>
            <a:cxn ang="T124">
              <a:pos x="T44" y="T45"/>
            </a:cxn>
            <a:cxn ang="T125">
              <a:pos x="T46" y="T47"/>
            </a:cxn>
            <a:cxn ang="T126">
              <a:pos x="T48" y="T49"/>
            </a:cxn>
            <a:cxn ang="T127">
              <a:pos x="T50" y="T51"/>
            </a:cxn>
            <a:cxn ang="T128">
              <a:pos x="T52" y="T53"/>
            </a:cxn>
            <a:cxn ang="T129">
              <a:pos x="T54" y="T55"/>
            </a:cxn>
            <a:cxn ang="T130">
              <a:pos x="T56" y="T57"/>
            </a:cxn>
            <a:cxn ang="T131">
              <a:pos x="T58" y="T59"/>
            </a:cxn>
            <a:cxn ang="T132">
              <a:pos x="T60" y="T61"/>
            </a:cxn>
            <a:cxn ang="T133">
              <a:pos x="T62" y="T63"/>
            </a:cxn>
            <a:cxn ang="T134">
              <a:pos x="T64" y="T65"/>
            </a:cxn>
            <a:cxn ang="T135">
              <a:pos x="T66" y="T67"/>
            </a:cxn>
            <a:cxn ang="T136">
              <a:pos x="T68" y="T69"/>
            </a:cxn>
            <a:cxn ang="T137">
              <a:pos x="T70" y="T71"/>
            </a:cxn>
            <a:cxn ang="T138">
              <a:pos x="T72" y="T73"/>
            </a:cxn>
            <a:cxn ang="T139">
              <a:pos x="T74" y="T75"/>
            </a:cxn>
            <a:cxn ang="T140">
              <a:pos x="T76" y="T77"/>
            </a:cxn>
            <a:cxn ang="T141">
              <a:pos x="T78" y="T79"/>
            </a:cxn>
            <a:cxn ang="T142">
              <a:pos x="T80" y="T81"/>
            </a:cxn>
            <a:cxn ang="T143">
              <a:pos x="T82" y="T83"/>
            </a:cxn>
            <a:cxn ang="T144">
              <a:pos x="T84" y="T85"/>
            </a:cxn>
            <a:cxn ang="T145">
              <a:pos x="T86" y="T87"/>
            </a:cxn>
            <a:cxn ang="T146">
              <a:pos x="T88" y="T89"/>
            </a:cxn>
            <a:cxn ang="T147">
              <a:pos x="T90" y="T91"/>
            </a:cxn>
            <a:cxn ang="T148">
              <a:pos x="T92" y="T93"/>
            </a:cxn>
            <a:cxn ang="T149">
              <a:pos x="T94" y="T95"/>
            </a:cxn>
            <a:cxn ang="T150">
              <a:pos x="T96" y="T97"/>
            </a:cxn>
            <a:cxn ang="T151">
              <a:pos x="T98" y="T99"/>
            </a:cxn>
            <a:cxn ang="T152">
              <a:pos x="T100" y="T101"/>
            </a:cxn>
          </a:cxnLst>
          <a:rect l="T153" t="T154" r="T155" b="T156"/>
          <a:pathLst>
            <a:path w="16384" h="16384">
              <a:moveTo>
                <a:pt x="7142" y="16384"/>
              </a:moveTo>
              <a:lnTo>
                <a:pt x="7877" y="16102"/>
              </a:lnTo>
              <a:lnTo>
                <a:pt x="8717" y="16102"/>
              </a:lnTo>
              <a:lnTo>
                <a:pt x="9137" y="16102"/>
              </a:lnTo>
              <a:lnTo>
                <a:pt x="9872" y="15678"/>
              </a:lnTo>
              <a:lnTo>
                <a:pt x="10713" y="15537"/>
              </a:lnTo>
              <a:lnTo>
                <a:pt x="10923" y="15113"/>
              </a:lnTo>
              <a:lnTo>
                <a:pt x="13023" y="14830"/>
              </a:lnTo>
              <a:lnTo>
                <a:pt x="13758" y="14689"/>
              </a:lnTo>
              <a:lnTo>
                <a:pt x="14073" y="14689"/>
              </a:lnTo>
              <a:lnTo>
                <a:pt x="14704" y="14548"/>
              </a:lnTo>
              <a:lnTo>
                <a:pt x="14599" y="13842"/>
              </a:lnTo>
              <a:lnTo>
                <a:pt x="14599" y="13418"/>
              </a:lnTo>
              <a:lnTo>
                <a:pt x="14914" y="13277"/>
              </a:lnTo>
              <a:lnTo>
                <a:pt x="15439" y="13418"/>
              </a:lnTo>
              <a:lnTo>
                <a:pt x="15859" y="13135"/>
              </a:lnTo>
              <a:lnTo>
                <a:pt x="16069" y="12712"/>
              </a:lnTo>
              <a:lnTo>
                <a:pt x="16174" y="12288"/>
              </a:lnTo>
              <a:lnTo>
                <a:pt x="16069" y="11864"/>
              </a:lnTo>
              <a:lnTo>
                <a:pt x="16384" y="11723"/>
              </a:lnTo>
              <a:lnTo>
                <a:pt x="16174" y="10452"/>
              </a:lnTo>
              <a:lnTo>
                <a:pt x="16174" y="10169"/>
              </a:lnTo>
              <a:lnTo>
                <a:pt x="16069" y="9604"/>
              </a:lnTo>
              <a:lnTo>
                <a:pt x="16069" y="9039"/>
              </a:lnTo>
              <a:lnTo>
                <a:pt x="16174" y="8757"/>
              </a:lnTo>
              <a:lnTo>
                <a:pt x="16384" y="8333"/>
              </a:lnTo>
              <a:lnTo>
                <a:pt x="16279" y="7910"/>
              </a:lnTo>
              <a:lnTo>
                <a:pt x="16069" y="7486"/>
              </a:lnTo>
              <a:lnTo>
                <a:pt x="15754" y="7345"/>
              </a:lnTo>
              <a:lnTo>
                <a:pt x="15649" y="6921"/>
              </a:lnTo>
              <a:lnTo>
                <a:pt x="15334" y="6780"/>
              </a:lnTo>
              <a:lnTo>
                <a:pt x="14914" y="6497"/>
              </a:lnTo>
              <a:lnTo>
                <a:pt x="14809" y="6356"/>
              </a:lnTo>
              <a:lnTo>
                <a:pt x="14599" y="5226"/>
              </a:lnTo>
              <a:lnTo>
                <a:pt x="14283" y="4237"/>
              </a:lnTo>
              <a:lnTo>
                <a:pt x="14178" y="3390"/>
              </a:lnTo>
              <a:lnTo>
                <a:pt x="14073" y="2825"/>
              </a:lnTo>
              <a:lnTo>
                <a:pt x="13653" y="2401"/>
              </a:lnTo>
              <a:lnTo>
                <a:pt x="13338" y="2119"/>
              </a:lnTo>
              <a:lnTo>
                <a:pt x="13023" y="1271"/>
              </a:lnTo>
              <a:lnTo>
                <a:pt x="13338" y="847"/>
              </a:lnTo>
              <a:lnTo>
                <a:pt x="13548" y="424"/>
              </a:lnTo>
              <a:lnTo>
                <a:pt x="13548" y="0"/>
              </a:lnTo>
              <a:lnTo>
                <a:pt x="12813" y="141"/>
              </a:lnTo>
              <a:lnTo>
                <a:pt x="12393" y="424"/>
              </a:lnTo>
              <a:lnTo>
                <a:pt x="11763" y="989"/>
              </a:lnTo>
              <a:lnTo>
                <a:pt x="11238" y="565"/>
              </a:lnTo>
              <a:lnTo>
                <a:pt x="10818" y="424"/>
              </a:lnTo>
              <a:lnTo>
                <a:pt x="10293" y="565"/>
              </a:lnTo>
              <a:lnTo>
                <a:pt x="9767" y="282"/>
              </a:lnTo>
              <a:lnTo>
                <a:pt x="9347" y="847"/>
              </a:lnTo>
              <a:lnTo>
                <a:pt x="8717" y="1130"/>
              </a:lnTo>
              <a:lnTo>
                <a:pt x="7877" y="847"/>
              </a:lnTo>
              <a:lnTo>
                <a:pt x="7352" y="424"/>
              </a:lnTo>
              <a:lnTo>
                <a:pt x="7142" y="141"/>
              </a:lnTo>
              <a:lnTo>
                <a:pt x="6512" y="141"/>
              </a:lnTo>
              <a:lnTo>
                <a:pt x="6091" y="282"/>
              </a:lnTo>
              <a:lnTo>
                <a:pt x="5776" y="989"/>
              </a:lnTo>
              <a:lnTo>
                <a:pt x="5566" y="1130"/>
              </a:lnTo>
              <a:lnTo>
                <a:pt x="4831" y="1130"/>
              </a:lnTo>
              <a:lnTo>
                <a:pt x="4411" y="1554"/>
              </a:lnTo>
              <a:lnTo>
                <a:pt x="4096" y="2260"/>
              </a:lnTo>
              <a:lnTo>
                <a:pt x="3571" y="2542"/>
              </a:lnTo>
              <a:lnTo>
                <a:pt x="3361" y="3107"/>
              </a:lnTo>
              <a:lnTo>
                <a:pt x="3466" y="3814"/>
              </a:lnTo>
              <a:lnTo>
                <a:pt x="3046" y="4096"/>
              </a:lnTo>
              <a:lnTo>
                <a:pt x="2626" y="4096"/>
              </a:lnTo>
              <a:lnTo>
                <a:pt x="2101" y="3955"/>
              </a:lnTo>
              <a:lnTo>
                <a:pt x="1785" y="4378"/>
              </a:lnTo>
              <a:lnTo>
                <a:pt x="1785" y="5085"/>
              </a:lnTo>
              <a:lnTo>
                <a:pt x="1575" y="5932"/>
              </a:lnTo>
              <a:lnTo>
                <a:pt x="1260" y="6497"/>
              </a:lnTo>
              <a:lnTo>
                <a:pt x="1050" y="7203"/>
              </a:lnTo>
              <a:lnTo>
                <a:pt x="735" y="7768"/>
              </a:lnTo>
              <a:lnTo>
                <a:pt x="840" y="8333"/>
              </a:lnTo>
              <a:lnTo>
                <a:pt x="630" y="8898"/>
              </a:lnTo>
              <a:lnTo>
                <a:pt x="525" y="9463"/>
              </a:lnTo>
              <a:lnTo>
                <a:pt x="420" y="10028"/>
              </a:lnTo>
              <a:lnTo>
                <a:pt x="210" y="10593"/>
              </a:lnTo>
              <a:lnTo>
                <a:pt x="210" y="11441"/>
              </a:lnTo>
              <a:lnTo>
                <a:pt x="0" y="12288"/>
              </a:lnTo>
              <a:lnTo>
                <a:pt x="0" y="12570"/>
              </a:lnTo>
              <a:lnTo>
                <a:pt x="525" y="13135"/>
              </a:lnTo>
              <a:lnTo>
                <a:pt x="840" y="13559"/>
              </a:lnTo>
              <a:lnTo>
                <a:pt x="840" y="13983"/>
              </a:lnTo>
              <a:lnTo>
                <a:pt x="1050" y="14124"/>
              </a:lnTo>
              <a:lnTo>
                <a:pt x="1470" y="14124"/>
              </a:lnTo>
              <a:lnTo>
                <a:pt x="1470" y="14548"/>
              </a:lnTo>
              <a:lnTo>
                <a:pt x="1575" y="14830"/>
              </a:lnTo>
              <a:lnTo>
                <a:pt x="1890" y="14689"/>
              </a:lnTo>
              <a:lnTo>
                <a:pt x="2311" y="14689"/>
              </a:lnTo>
              <a:lnTo>
                <a:pt x="2836" y="14972"/>
              </a:lnTo>
              <a:lnTo>
                <a:pt x="3046" y="15254"/>
              </a:lnTo>
              <a:lnTo>
                <a:pt x="3256" y="15537"/>
              </a:lnTo>
              <a:lnTo>
                <a:pt x="3676" y="15537"/>
              </a:lnTo>
              <a:lnTo>
                <a:pt x="4096" y="15254"/>
              </a:lnTo>
              <a:lnTo>
                <a:pt x="4306" y="14830"/>
              </a:lnTo>
              <a:lnTo>
                <a:pt x="4726" y="14830"/>
              </a:lnTo>
              <a:lnTo>
                <a:pt x="4936" y="14548"/>
              </a:lnTo>
              <a:lnTo>
                <a:pt x="5461" y="14124"/>
              </a:lnTo>
              <a:lnTo>
                <a:pt x="5881" y="14407"/>
              </a:lnTo>
              <a:lnTo>
                <a:pt x="5881" y="14830"/>
              </a:lnTo>
              <a:lnTo>
                <a:pt x="7142" y="16384"/>
              </a:lnTo>
              <a:close/>
            </a:path>
          </a:pathLst>
        </a:custGeom>
        <a:noFill/>
        <a:ln w="31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28106</xdr:colOff>
      <xdr:row>8</xdr:row>
      <xdr:rowOff>134583</xdr:rowOff>
    </xdr:from>
    <xdr:to>
      <xdr:col>23</xdr:col>
      <xdr:colOff>42695</xdr:colOff>
      <xdr:row>8</xdr:row>
      <xdr:rowOff>308365</xdr:rowOff>
    </xdr:to>
    <xdr:sp macro="" textlink="">
      <xdr:nvSpPr>
        <xdr:cNvPr id="196" name="Text Box 144"/>
        <xdr:cNvSpPr txBox="1">
          <a:spLocks noChangeArrowheads="1"/>
        </xdr:cNvSpPr>
      </xdr:nvSpPr>
      <xdr:spPr bwMode="auto">
        <a:xfrm>
          <a:off x="16471406" y="3417533"/>
          <a:ext cx="443239" cy="17378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厚木市</a:t>
          </a:r>
          <a:endParaRPr kumimoji="0" lang="en-US" altLang="ja-JP" sz="8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18952</xdr:colOff>
      <xdr:row>6</xdr:row>
      <xdr:rowOff>200088</xdr:rowOff>
    </xdr:from>
    <xdr:to>
      <xdr:col>23</xdr:col>
      <xdr:colOff>188360</xdr:colOff>
      <xdr:row>8</xdr:row>
      <xdr:rowOff>194133</xdr:rowOff>
    </xdr:to>
    <xdr:sp macro="" textlink="">
      <xdr:nvSpPr>
        <xdr:cNvPr id="197" name="Text Box 183"/>
        <xdr:cNvSpPr txBox="1">
          <a:spLocks noChangeArrowheads="1"/>
        </xdr:cNvSpPr>
      </xdr:nvSpPr>
      <xdr:spPr bwMode="auto">
        <a:xfrm>
          <a:off x="15933602" y="2860738"/>
          <a:ext cx="1126708" cy="61634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厚木市・愛川町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・清川村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３</a:t>
          </a:r>
        </a:p>
      </xdr:txBody>
    </xdr:sp>
    <xdr:clientData/>
  </xdr:twoCellAnchor>
  <xdr:twoCellAnchor>
    <xdr:from>
      <xdr:col>17</xdr:col>
      <xdr:colOff>586430</xdr:colOff>
      <xdr:row>16</xdr:row>
      <xdr:rowOff>211544</xdr:rowOff>
    </xdr:from>
    <xdr:to>
      <xdr:col>19</xdr:col>
      <xdr:colOff>197146</xdr:colOff>
      <xdr:row>18</xdr:row>
      <xdr:rowOff>163887</xdr:rowOff>
    </xdr:to>
    <xdr:sp macro="" textlink="">
      <xdr:nvSpPr>
        <xdr:cNvPr id="198" name="Text Box 185"/>
        <xdr:cNvSpPr txBox="1">
          <a:spLocks noChangeArrowheads="1"/>
        </xdr:cNvSpPr>
      </xdr:nvSpPr>
      <xdr:spPr bwMode="auto">
        <a:xfrm>
          <a:off x="13178480" y="5983694"/>
          <a:ext cx="1376016" cy="57464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足柄市・足柄下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</xdr:txBody>
    </xdr:sp>
    <xdr:clientData/>
  </xdr:twoCellAnchor>
  <xdr:twoCellAnchor>
    <xdr:from>
      <xdr:col>17</xdr:col>
      <xdr:colOff>772513</xdr:colOff>
      <xdr:row>15</xdr:row>
      <xdr:rowOff>301707</xdr:rowOff>
    </xdr:from>
    <xdr:to>
      <xdr:col>18</xdr:col>
      <xdr:colOff>292118</xdr:colOff>
      <xdr:row>16</xdr:row>
      <xdr:rowOff>153030</xdr:rowOff>
    </xdr:to>
    <xdr:sp macro="" textlink="">
      <xdr:nvSpPr>
        <xdr:cNvPr id="199" name="Text Box 139"/>
        <xdr:cNvSpPr txBox="1">
          <a:spLocks noChangeArrowheads="1"/>
        </xdr:cNvSpPr>
      </xdr:nvSpPr>
      <xdr:spPr bwMode="auto">
        <a:xfrm>
          <a:off x="13364563" y="5762707"/>
          <a:ext cx="440355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箱根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58992</xdr:colOff>
      <xdr:row>13</xdr:row>
      <xdr:rowOff>257427</xdr:rowOff>
    </xdr:from>
    <xdr:to>
      <xdr:col>19</xdr:col>
      <xdr:colOff>47424</xdr:colOff>
      <xdr:row>14</xdr:row>
      <xdr:rowOff>125978</xdr:rowOff>
    </xdr:to>
    <xdr:sp macro="" textlink="">
      <xdr:nvSpPr>
        <xdr:cNvPr id="200" name="Text Box 139"/>
        <xdr:cNvSpPr txBox="1">
          <a:spLocks noChangeArrowheads="1"/>
        </xdr:cNvSpPr>
      </xdr:nvSpPr>
      <xdr:spPr bwMode="auto">
        <a:xfrm>
          <a:off x="13771792" y="5096127"/>
          <a:ext cx="632982" cy="1797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南足柄市</a:t>
          </a:r>
        </a:p>
      </xdr:txBody>
    </xdr:sp>
    <xdr:clientData/>
  </xdr:twoCellAnchor>
  <xdr:twoCellAnchor>
    <xdr:from>
      <xdr:col>18</xdr:col>
      <xdr:colOff>264854</xdr:colOff>
      <xdr:row>8</xdr:row>
      <xdr:rowOff>111517</xdr:rowOff>
    </xdr:from>
    <xdr:to>
      <xdr:col>18</xdr:col>
      <xdr:colOff>824077</xdr:colOff>
      <xdr:row>8</xdr:row>
      <xdr:rowOff>290938</xdr:rowOff>
    </xdr:to>
    <xdr:sp macro="" textlink="">
      <xdr:nvSpPr>
        <xdr:cNvPr id="201" name="Text Box 139"/>
        <xdr:cNvSpPr txBox="1">
          <a:spLocks noChangeArrowheads="1"/>
        </xdr:cNvSpPr>
      </xdr:nvSpPr>
      <xdr:spPr bwMode="auto">
        <a:xfrm>
          <a:off x="13777654" y="3394467"/>
          <a:ext cx="559223" cy="17942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山北町</a:t>
          </a:r>
        </a:p>
      </xdr:txBody>
    </xdr:sp>
    <xdr:clientData/>
  </xdr:twoCellAnchor>
  <xdr:twoCellAnchor editAs="oneCell">
    <xdr:from>
      <xdr:col>16</xdr:col>
      <xdr:colOff>488633</xdr:colOff>
      <xdr:row>23</xdr:row>
      <xdr:rowOff>29500</xdr:rowOff>
    </xdr:from>
    <xdr:to>
      <xdr:col>31</xdr:col>
      <xdr:colOff>827</xdr:colOff>
      <xdr:row>45</xdr:row>
      <xdr:rowOff>293078</xdr:rowOff>
    </xdr:to>
    <xdr:pic>
      <xdr:nvPicPr>
        <xdr:cNvPr id="202" name="図 20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159933" y="7979700"/>
          <a:ext cx="9564246" cy="6994578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94"/>
  <sheetViews>
    <sheetView showZeros="0" tabSelected="1" view="pageBreakPreview" topLeftCell="D1" zoomScale="85" zoomScaleNormal="55" zoomScaleSheetLayoutView="85" workbookViewId="0">
      <selection activeCell="Q14" sqref="Q14"/>
    </sheetView>
  </sheetViews>
  <sheetFormatPr defaultColWidth="9" defaultRowHeight="13.5"/>
  <cols>
    <col min="1" max="1" width="24.875" style="17" customWidth="1"/>
    <col min="2" max="2" width="11" style="2" customWidth="1"/>
    <col min="3" max="3" width="17.875" style="3" bestFit="1" customWidth="1"/>
    <col min="4" max="4" width="11" style="2" bestFit="1" customWidth="1"/>
    <col min="5" max="5" width="5.5" style="2" bestFit="1" customWidth="1"/>
    <col min="6" max="6" width="7.125" style="2" bestFit="1" customWidth="1"/>
    <col min="7" max="8" width="5.375" style="2" customWidth="1"/>
    <col min="9" max="9" width="6.375" style="2" bestFit="1" customWidth="1"/>
    <col min="10" max="10" width="5.375" style="2" customWidth="1"/>
    <col min="11" max="11" width="5.5" style="2" customWidth="1"/>
    <col min="12" max="13" width="5.625" style="2" bestFit="1" customWidth="1"/>
    <col min="14" max="14" width="6.375" style="2" bestFit="1" customWidth="1"/>
    <col min="15" max="15" width="14.125" style="4" bestFit="1" customWidth="1"/>
    <col min="16" max="16" width="13.375" style="4" customWidth="1"/>
    <col min="17" max="18" width="13.125" style="4" customWidth="1"/>
    <col min="19" max="19" width="12.125" style="6" customWidth="1"/>
    <col min="20" max="30" width="9" style="6"/>
    <col min="31" max="31" width="6.5" style="6" customWidth="1"/>
    <col min="32" max="36" width="9" style="6"/>
    <col min="37" max="16384" width="9" style="2"/>
  </cols>
  <sheetData>
    <row r="1" spans="1:36" ht="23.25" customHeight="1">
      <c r="A1" s="1" t="s">
        <v>51</v>
      </c>
      <c r="Q1" s="5" t="s">
        <v>58</v>
      </c>
      <c r="R1" s="5"/>
    </row>
    <row r="2" spans="1:36" s="7" customFormat="1" ht="22.7" customHeight="1" thickBot="1">
      <c r="A2" s="22"/>
      <c r="B2" s="22"/>
      <c r="C2" s="23"/>
      <c r="D2" s="22"/>
      <c r="E2" s="22"/>
      <c r="F2" s="22"/>
      <c r="G2" s="22"/>
      <c r="H2" s="22"/>
      <c r="I2" s="22"/>
      <c r="J2" s="22"/>
      <c r="K2" s="22" t="s">
        <v>55</v>
      </c>
      <c r="L2" s="66" t="s">
        <v>66</v>
      </c>
      <c r="M2" s="66"/>
      <c r="N2" s="66"/>
      <c r="O2" s="66"/>
      <c r="P2" s="9"/>
      <c r="Q2" s="9"/>
      <c r="R2" s="9"/>
      <c r="S2" s="10"/>
      <c r="T2" s="6"/>
      <c r="U2" s="6"/>
      <c r="V2" s="6"/>
      <c r="W2" s="6"/>
      <c r="X2" s="6"/>
      <c r="Y2" s="6"/>
      <c r="Z2" s="6"/>
      <c r="AA2" s="6"/>
      <c r="AB2" s="6"/>
      <c r="AC2" s="6"/>
      <c r="AD2" s="6"/>
      <c r="AE2" s="6"/>
      <c r="AF2" s="6"/>
      <c r="AG2" s="6"/>
      <c r="AH2" s="6"/>
      <c r="AI2" s="6"/>
      <c r="AJ2" s="6"/>
    </row>
    <row r="3" spans="1:36" s="7" customFormat="1" ht="57.75" customHeight="1">
      <c r="A3" s="72" t="s">
        <v>0</v>
      </c>
      <c r="B3" s="74" t="s">
        <v>38</v>
      </c>
      <c r="C3" s="75"/>
      <c r="D3" s="68" t="s">
        <v>41</v>
      </c>
      <c r="E3" s="68" t="s">
        <v>46</v>
      </c>
      <c r="F3" s="68" t="s">
        <v>42</v>
      </c>
      <c r="G3" s="76" t="s">
        <v>63</v>
      </c>
      <c r="H3" s="68" t="s">
        <v>56</v>
      </c>
      <c r="I3" s="68" t="s">
        <v>43</v>
      </c>
      <c r="J3" s="68" t="s">
        <v>44</v>
      </c>
      <c r="K3" s="68" t="s">
        <v>64</v>
      </c>
      <c r="L3" s="68" t="s">
        <v>60</v>
      </c>
      <c r="M3" s="68" t="s">
        <v>47</v>
      </c>
      <c r="N3" s="68" t="s">
        <v>45</v>
      </c>
      <c r="O3" s="70" t="s">
        <v>48</v>
      </c>
      <c r="P3" s="11"/>
      <c r="Q3" s="12"/>
      <c r="R3" s="12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</row>
    <row r="4" spans="1:36" s="7" customFormat="1" ht="57.75" customHeight="1" thickBot="1">
      <c r="A4" s="73"/>
      <c r="B4" s="24" t="s">
        <v>39</v>
      </c>
      <c r="C4" s="25" t="s">
        <v>40</v>
      </c>
      <c r="D4" s="69"/>
      <c r="E4" s="69"/>
      <c r="F4" s="69"/>
      <c r="G4" s="77"/>
      <c r="H4" s="69"/>
      <c r="I4" s="69"/>
      <c r="J4" s="69"/>
      <c r="K4" s="69"/>
      <c r="L4" s="69"/>
      <c r="M4" s="69"/>
      <c r="N4" s="69"/>
      <c r="O4" s="71"/>
      <c r="P4" s="11"/>
      <c r="Q4" s="12"/>
      <c r="R4" s="12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7" t="s">
        <v>52</v>
      </c>
      <c r="AG4" s="67"/>
      <c r="AH4" s="67"/>
      <c r="AI4" s="67"/>
      <c r="AJ4" s="6"/>
    </row>
    <row r="5" spans="1:36" ht="24.75" customHeight="1">
      <c r="A5" s="26" t="s">
        <v>1</v>
      </c>
      <c r="B5" s="27">
        <v>86</v>
      </c>
      <c r="C5" s="28">
        <v>39903</v>
      </c>
      <c r="D5" s="29">
        <f>SUM(F5:N5)</f>
        <v>86</v>
      </c>
      <c r="E5" s="29">
        <v>0</v>
      </c>
      <c r="F5" s="29">
        <v>34</v>
      </c>
      <c r="G5" s="29">
        <v>15</v>
      </c>
      <c r="H5" s="29">
        <v>8</v>
      </c>
      <c r="I5" s="29">
        <v>15</v>
      </c>
      <c r="J5" s="29">
        <v>5</v>
      </c>
      <c r="K5" s="29">
        <v>3</v>
      </c>
      <c r="L5" s="29"/>
      <c r="M5" s="29"/>
      <c r="N5" s="29">
        <v>6</v>
      </c>
      <c r="O5" s="30">
        <v>46506</v>
      </c>
      <c r="P5" s="13"/>
    </row>
    <row r="6" spans="1:36" ht="24.75" customHeight="1">
      <c r="A6" s="31" t="s">
        <v>2</v>
      </c>
      <c r="B6" s="32">
        <v>60</v>
      </c>
      <c r="C6" s="33">
        <v>40603</v>
      </c>
      <c r="D6" s="29">
        <f>SUM(F6:N6)</f>
        <v>60</v>
      </c>
      <c r="E6" s="32"/>
      <c r="F6" s="32">
        <v>17</v>
      </c>
      <c r="G6" s="32">
        <v>12</v>
      </c>
      <c r="H6" s="32">
        <v>7</v>
      </c>
      <c r="I6" s="32">
        <v>11</v>
      </c>
      <c r="J6" s="32">
        <v>8</v>
      </c>
      <c r="K6" s="32">
        <v>1</v>
      </c>
      <c r="L6" s="34"/>
      <c r="M6" s="32"/>
      <c r="N6" s="32">
        <v>4</v>
      </c>
      <c r="O6" s="35">
        <v>46509</v>
      </c>
      <c r="P6" s="13"/>
    </row>
    <row r="7" spans="1:36" ht="24.75" customHeight="1" thickBot="1">
      <c r="A7" s="36" t="s">
        <v>9</v>
      </c>
      <c r="B7" s="34">
        <v>46</v>
      </c>
      <c r="C7" s="37">
        <v>41963</v>
      </c>
      <c r="D7" s="29">
        <f>SUM(F7:N7)</f>
        <v>45</v>
      </c>
      <c r="E7" s="61">
        <v>1</v>
      </c>
      <c r="F7" s="34">
        <v>12</v>
      </c>
      <c r="G7" s="34">
        <v>8</v>
      </c>
      <c r="H7" s="34">
        <v>3</v>
      </c>
      <c r="I7" s="34">
        <v>8</v>
      </c>
      <c r="J7" s="34">
        <v>2</v>
      </c>
      <c r="K7" s="34"/>
      <c r="L7" s="32"/>
      <c r="M7" s="34">
        <v>2</v>
      </c>
      <c r="N7" s="34">
        <v>10</v>
      </c>
      <c r="O7" s="38">
        <v>46506</v>
      </c>
      <c r="P7" s="13"/>
    </row>
    <row r="8" spans="1:36" ht="24.75" customHeight="1" thickBot="1">
      <c r="A8" s="39" t="s">
        <v>34</v>
      </c>
      <c r="B8" s="40">
        <f>SUM(B5:B7)</f>
        <v>192</v>
      </c>
      <c r="C8" s="41"/>
      <c r="D8" s="40">
        <f>SUM(D5:D7)</f>
        <v>191</v>
      </c>
      <c r="E8" s="40">
        <f>SUM(E5:E7)</f>
        <v>1</v>
      </c>
      <c r="F8" s="40">
        <f>SUM(F5:F7)</f>
        <v>63</v>
      </c>
      <c r="G8" s="40">
        <f>SUM(G5:G7)</f>
        <v>35</v>
      </c>
      <c r="H8" s="40">
        <f>SUM(H5:H7)</f>
        <v>18</v>
      </c>
      <c r="I8" s="40">
        <f t="shared" ref="I8:N8" si="0">SUM(I5:I7)</f>
        <v>34</v>
      </c>
      <c r="J8" s="40">
        <f>SUM(J5:J7)</f>
        <v>15</v>
      </c>
      <c r="K8" s="40">
        <f>SUM(K5:K7)</f>
        <v>4</v>
      </c>
      <c r="L8" s="40"/>
      <c r="M8" s="40">
        <f t="shared" si="0"/>
        <v>2</v>
      </c>
      <c r="N8" s="40">
        <f t="shared" si="0"/>
        <v>20</v>
      </c>
      <c r="O8" s="42"/>
      <c r="P8" s="13"/>
    </row>
    <row r="9" spans="1:36" ht="24.75" customHeight="1">
      <c r="A9" s="26" t="s">
        <v>3</v>
      </c>
      <c r="B9" s="29">
        <v>39</v>
      </c>
      <c r="C9" s="28">
        <v>44841</v>
      </c>
      <c r="D9" s="29">
        <f t="shared" ref="D9:D24" si="1">SUM(F9:N9)</f>
        <v>38</v>
      </c>
      <c r="E9" s="29">
        <v>1</v>
      </c>
      <c r="F9" s="29">
        <v>14</v>
      </c>
      <c r="G9" s="29"/>
      <c r="H9" s="29">
        <v>2</v>
      </c>
      <c r="I9" s="29">
        <v>7</v>
      </c>
      <c r="J9" s="29">
        <v>3</v>
      </c>
      <c r="K9" s="29"/>
      <c r="L9" s="29"/>
      <c r="M9" s="29"/>
      <c r="N9" s="29">
        <v>12</v>
      </c>
      <c r="O9" s="35">
        <v>46508</v>
      </c>
      <c r="P9" s="13"/>
    </row>
    <row r="10" spans="1:36" ht="24.75" customHeight="1">
      <c r="A10" s="36" t="s">
        <v>50</v>
      </c>
      <c r="B10" s="34">
        <v>26</v>
      </c>
      <c r="C10" s="37">
        <v>43455</v>
      </c>
      <c r="D10" s="29">
        <f t="shared" si="1"/>
        <v>26</v>
      </c>
      <c r="E10" s="32"/>
      <c r="F10" s="34">
        <v>4</v>
      </c>
      <c r="G10" s="34">
        <v>1</v>
      </c>
      <c r="H10" s="34">
        <v>1</v>
      </c>
      <c r="I10" s="34">
        <v>5</v>
      </c>
      <c r="J10" s="34">
        <v>2</v>
      </c>
      <c r="K10" s="34"/>
      <c r="L10" s="34"/>
      <c r="M10" s="34">
        <v>1</v>
      </c>
      <c r="N10" s="34">
        <v>12</v>
      </c>
      <c r="O10" s="35">
        <v>46507</v>
      </c>
      <c r="P10" s="13"/>
    </row>
    <row r="11" spans="1:36" ht="24.75" customHeight="1">
      <c r="A11" s="36" t="s">
        <v>4</v>
      </c>
      <c r="B11" s="34">
        <v>26</v>
      </c>
      <c r="C11" s="37">
        <v>41278</v>
      </c>
      <c r="D11" s="29">
        <f t="shared" si="1"/>
        <v>25</v>
      </c>
      <c r="E11" s="34">
        <v>1</v>
      </c>
      <c r="F11" s="43">
        <v>2</v>
      </c>
      <c r="G11" s="43">
        <v>1</v>
      </c>
      <c r="H11" s="34" t="s">
        <v>57</v>
      </c>
      <c r="I11" s="34">
        <v>3</v>
      </c>
      <c r="J11" s="34">
        <v>3</v>
      </c>
      <c r="K11" s="34"/>
      <c r="L11" s="34"/>
      <c r="M11" s="34">
        <v>1</v>
      </c>
      <c r="N11" s="34">
        <v>15</v>
      </c>
      <c r="O11" s="35">
        <v>45791</v>
      </c>
      <c r="P11" s="13"/>
    </row>
    <row r="12" spans="1:36" ht="24.75" customHeight="1">
      <c r="A12" s="36" t="s">
        <v>5</v>
      </c>
      <c r="B12" s="34">
        <v>36</v>
      </c>
      <c r="C12" s="37">
        <v>39056</v>
      </c>
      <c r="D12" s="29">
        <f t="shared" si="1"/>
        <v>36</v>
      </c>
      <c r="E12" s="29"/>
      <c r="F12" s="34">
        <v>7</v>
      </c>
      <c r="G12" s="34">
        <v>2</v>
      </c>
      <c r="H12" s="34">
        <v>2</v>
      </c>
      <c r="I12" s="34">
        <v>5</v>
      </c>
      <c r="J12" s="34">
        <v>4</v>
      </c>
      <c r="K12" s="34">
        <v>1</v>
      </c>
      <c r="L12" s="34">
        <v>1</v>
      </c>
      <c r="M12" s="34">
        <v>1</v>
      </c>
      <c r="N12" s="34">
        <v>13</v>
      </c>
      <c r="O12" s="35">
        <v>46507</v>
      </c>
      <c r="P12" s="13"/>
    </row>
    <row r="13" spans="1:36" ht="24.75" customHeight="1">
      <c r="A13" s="36" t="s">
        <v>6</v>
      </c>
      <c r="B13" s="34">
        <v>27</v>
      </c>
      <c r="C13" s="37">
        <v>43455</v>
      </c>
      <c r="D13" s="29">
        <f t="shared" si="1"/>
        <v>26</v>
      </c>
      <c r="E13" s="34">
        <v>1</v>
      </c>
      <c r="F13" s="34"/>
      <c r="G13" s="34">
        <v>2</v>
      </c>
      <c r="H13" s="34">
        <v>2</v>
      </c>
      <c r="I13" s="34">
        <v>4</v>
      </c>
      <c r="J13" s="34">
        <v>2</v>
      </c>
      <c r="K13" s="34"/>
      <c r="L13" s="34"/>
      <c r="M13" s="34"/>
      <c r="N13" s="34">
        <v>16</v>
      </c>
      <c r="O13" s="35">
        <v>46507</v>
      </c>
      <c r="P13" s="13"/>
    </row>
    <row r="14" spans="1:36" ht="24.75" customHeight="1">
      <c r="A14" s="36" t="s">
        <v>7</v>
      </c>
      <c r="B14" s="34">
        <v>28</v>
      </c>
      <c r="C14" s="37">
        <v>40532</v>
      </c>
      <c r="D14" s="29">
        <f t="shared" si="1"/>
        <v>27</v>
      </c>
      <c r="E14" s="32">
        <v>1</v>
      </c>
      <c r="F14" s="34">
        <v>2</v>
      </c>
      <c r="G14" s="34">
        <v>3</v>
      </c>
      <c r="H14" s="34">
        <v>1</v>
      </c>
      <c r="I14" s="34">
        <v>4</v>
      </c>
      <c r="J14" s="34">
        <v>2</v>
      </c>
      <c r="K14" s="34"/>
      <c r="L14" s="34">
        <v>1</v>
      </c>
      <c r="M14" s="34"/>
      <c r="N14" s="34">
        <v>14</v>
      </c>
      <c r="O14" s="35">
        <v>46507</v>
      </c>
      <c r="P14" s="13"/>
    </row>
    <row r="15" spans="1:36" ht="24.75" customHeight="1">
      <c r="A15" s="36" t="s">
        <v>8</v>
      </c>
      <c r="B15" s="34">
        <v>17</v>
      </c>
      <c r="C15" s="37">
        <v>43090</v>
      </c>
      <c r="D15" s="29">
        <f t="shared" si="1"/>
        <v>16</v>
      </c>
      <c r="E15" s="34">
        <v>1</v>
      </c>
      <c r="F15" s="43">
        <v>4</v>
      </c>
      <c r="G15" s="43">
        <v>1</v>
      </c>
      <c r="H15" s="34">
        <v>1</v>
      </c>
      <c r="I15" s="34">
        <v>2</v>
      </c>
      <c r="J15" s="34">
        <v>1</v>
      </c>
      <c r="K15" s="34"/>
      <c r="L15" s="34"/>
      <c r="M15" s="34">
        <v>0</v>
      </c>
      <c r="N15" s="34">
        <v>7</v>
      </c>
      <c r="O15" s="35">
        <v>46117</v>
      </c>
      <c r="P15" s="13"/>
    </row>
    <row r="16" spans="1:36" ht="24.75" customHeight="1">
      <c r="A16" s="36" t="s">
        <v>10</v>
      </c>
      <c r="B16" s="34">
        <v>13</v>
      </c>
      <c r="C16" s="37">
        <v>42082</v>
      </c>
      <c r="D16" s="29">
        <f t="shared" si="1"/>
        <v>13</v>
      </c>
      <c r="E16" s="34">
        <v>0</v>
      </c>
      <c r="F16" s="34">
        <v>6</v>
      </c>
      <c r="G16" s="34"/>
      <c r="H16" s="34" t="s">
        <v>57</v>
      </c>
      <c r="I16" s="34">
        <v>1</v>
      </c>
      <c r="J16" s="34">
        <v>2</v>
      </c>
      <c r="K16" s="34"/>
      <c r="L16" s="34"/>
      <c r="M16" s="34"/>
      <c r="N16" s="34">
        <v>4</v>
      </c>
      <c r="O16" s="35">
        <v>46507</v>
      </c>
      <c r="P16" s="13"/>
    </row>
    <row r="17" spans="1:22" ht="24.75" customHeight="1">
      <c r="A17" s="36" t="s">
        <v>11</v>
      </c>
      <c r="B17" s="34">
        <v>24</v>
      </c>
      <c r="C17" s="37">
        <v>41088</v>
      </c>
      <c r="D17" s="29">
        <f t="shared" si="1"/>
        <v>24</v>
      </c>
      <c r="E17" s="34"/>
      <c r="F17" s="34">
        <v>4</v>
      </c>
      <c r="G17" s="34"/>
      <c r="H17" s="34">
        <v>1</v>
      </c>
      <c r="I17" s="34">
        <v>3</v>
      </c>
      <c r="J17" s="34">
        <v>1</v>
      </c>
      <c r="K17" s="34">
        <v>0</v>
      </c>
      <c r="L17" s="34"/>
      <c r="M17" s="34"/>
      <c r="N17" s="34">
        <v>15</v>
      </c>
      <c r="O17" s="35">
        <v>46640</v>
      </c>
      <c r="P17" s="13"/>
    </row>
    <row r="18" spans="1:22" ht="24.75" customHeight="1">
      <c r="A18" s="36" t="s">
        <v>12</v>
      </c>
      <c r="B18" s="34">
        <v>28</v>
      </c>
      <c r="C18" s="37">
        <v>37433</v>
      </c>
      <c r="D18" s="29">
        <f t="shared" si="1"/>
        <v>28</v>
      </c>
      <c r="E18" s="34"/>
      <c r="F18" s="34">
        <v>4</v>
      </c>
      <c r="G18" s="34">
        <v>2</v>
      </c>
      <c r="H18" s="34">
        <v>1</v>
      </c>
      <c r="I18" s="34">
        <v>5</v>
      </c>
      <c r="J18" s="34">
        <v>1</v>
      </c>
      <c r="K18" s="34"/>
      <c r="L18" s="34"/>
      <c r="M18" s="34">
        <v>1</v>
      </c>
      <c r="N18" s="34">
        <v>14</v>
      </c>
      <c r="O18" s="35">
        <v>46599</v>
      </c>
      <c r="P18" s="13"/>
    </row>
    <row r="19" spans="1:22" ht="24.75" customHeight="1">
      <c r="A19" s="36" t="s">
        <v>13</v>
      </c>
      <c r="B19" s="34">
        <v>28</v>
      </c>
      <c r="C19" s="37">
        <v>40450</v>
      </c>
      <c r="D19" s="29">
        <f t="shared" si="1"/>
        <v>28</v>
      </c>
      <c r="E19" s="34"/>
      <c r="F19" s="34">
        <v>7</v>
      </c>
      <c r="G19" s="34">
        <v>2</v>
      </c>
      <c r="H19" s="34">
        <v>1</v>
      </c>
      <c r="I19" s="34">
        <v>5</v>
      </c>
      <c r="J19" s="34">
        <v>2</v>
      </c>
      <c r="K19" s="34"/>
      <c r="L19" s="34">
        <v>1</v>
      </c>
      <c r="M19" s="34">
        <v>2</v>
      </c>
      <c r="N19" s="34">
        <v>8</v>
      </c>
      <c r="O19" s="35">
        <v>46510</v>
      </c>
      <c r="P19" s="13"/>
      <c r="V19" s="14"/>
    </row>
    <row r="20" spans="1:22" ht="24.75" customHeight="1">
      <c r="A20" s="36" t="s">
        <v>14</v>
      </c>
      <c r="B20" s="34">
        <v>20</v>
      </c>
      <c r="C20" s="37">
        <v>43454</v>
      </c>
      <c r="D20" s="29">
        <f t="shared" si="1"/>
        <v>19</v>
      </c>
      <c r="E20" s="34">
        <v>1</v>
      </c>
      <c r="F20" s="34"/>
      <c r="G20" s="34">
        <v>1</v>
      </c>
      <c r="H20" s="34" t="s">
        <v>57</v>
      </c>
      <c r="I20" s="34">
        <v>2</v>
      </c>
      <c r="J20" s="34">
        <v>2</v>
      </c>
      <c r="K20" s="34"/>
      <c r="L20" s="34"/>
      <c r="M20" s="34"/>
      <c r="N20" s="34">
        <v>14</v>
      </c>
      <c r="O20" s="35">
        <v>46506</v>
      </c>
      <c r="P20" s="13"/>
    </row>
    <row r="21" spans="1:22" ht="24.75" customHeight="1">
      <c r="A21" s="36" t="s">
        <v>15</v>
      </c>
      <c r="B21" s="34">
        <v>22</v>
      </c>
      <c r="C21" s="37">
        <v>40708</v>
      </c>
      <c r="D21" s="29">
        <f t="shared" si="1"/>
        <v>22</v>
      </c>
      <c r="E21" s="34"/>
      <c r="F21" s="34">
        <v>1</v>
      </c>
      <c r="G21" s="34">
        <v>2</v>
      </c>
      <c r="H21" s="34">
        <v>2</v>
      </c>
      <c r="I21" s="34">
        <v>3</v>
      </c>
      <c r="J21" s="34">
        <v>2</v>
      </c>
      <c r="K21" s="34">
        <v>0</v>
      </c>
      <c r="L21" s="34">
        <v>1</v>
      </c>
      <c r="M21" s="34">
        <v>1</v>
      </c>
      <c r="N21" s="34">
        <v>10</v>
      </c>
      <c r="O21" s="35">
        <v>46705</v>
      </c>
      <c r="P21" s="13"/>
    </row>
    <row r="22" spans="1:22" ht="24.75" customHeight="1">
      <c r="A22" s="36" t="s">
        <v>16</v>
      </c>
      <c r="B22" s="45">
        <v>22</v>
      </c>
      <c r="C22" s="37">
        <v>42543</v>
      </c>
      <c r="D22" s="29">
        <f t="shared" si="1"/>
        <v>22</v>
      </c>
      <c r="E22" s="44"/>
      <c r="F22" s="34">
        <v>5</v>
      </c>
      <c r="G22" s="34">
        <v>1</v>
      </c>
      <c r="H22" s="34">
        <v>1</v>
      </c>
      <c r="I22" s="34">
        <v>4</v>
      </c>
      <c r="J22" s="34">
        <v>2</v>
      </c>
      <c r="K22" s="34"/>
      <c r="L22" s="34"/>
      <c r="M22" s="34">
        <v>2</v>
      </c>
      <c r="N22" s="34">
        <v>7</v>
      </c>
      <c r="O22" s="35">
        <v>45565</v>
      </c>
      <c r="P22" s="13"/>
    </row>
    <row r="23" spans="1:22" ht="24.75" customHeight="1">
      <c r="A23" s="36" t="s">
        <v>17</v>
      </c>
      <c r="B23" s="34">
        <v>16</v>
      </c>
      <c r="C23" s="37">
        <v>38615</v>
      </c>
      <c r="D23" s="29">
        <f t="shared" si="1"/>
        <v>16</v>
      </c>
      <c r="E23" s="34">
        <v>0</v>
      </c>
      <c r="F23" s="34"/>
      <c r="G23" s="34"/>
      <c r="H23" s="34" t="s">
        <v>57</v>
      </c>
      <c r="I23" s="34">
        <v>2</v>
      </c>
      <c r="J23" s="34">
        <v>1</v>
      </c>
      <c r="K23" s="34"/>
      <c r="L23" s="34"/>
      <c r="M23" s="34"/>
      <c r="N23" s="34">
        <v>13</v>
      </c>
      <c r="O23" s="35">
        <v>46506</v>
      </c>
      <c r="P23" s="13"/>
      <c r="Q23" s="19" t="s">
        <v>59</v>
      </c>
      <c r="R23" s="18"/>
    </row>
    <row r="24" spans="1:22" ht="24.75" customHeight="1" thickBot="1">
      <c r="A24" s="31" t="s">
        <v>18</v>
      </c>
      <c r="B24" s="32">
        <v>20</v>
      </c>
      <c r="C24" s="33">
        <v>41911</v>
      </c>
      <c r="D24" s="29">
        <f t="shared" si="1"/>
        <v>18</v>
      </c>
      <c r="E24" s="32">
        <v>2</v>
      </c>
      <c r="F24" s="32">
        <v>2</v>
      </c>
      <c r="G24" s="32"/>
      <c r="H24" s="32" t="s">
        <v>57</v>
      </c>
      <c r="I24" s="32">
        <v>4</v>
      </c>
      <c r="J24" s="32">
        <v>2</v>
      </c>
      <c r="K24" s="32"/>
      <c r="L24" s="32">
        <v>1</v>
      </c>
      <c r="M24" s="32"/>
      <c r="N24" s="32">
        <v>9</v>
      </c>
      <c r="O24" s="35">
        <v>46506</v>
      </c>
      <c r="P24" s="13"/>
      <c r="Q24" s="19"/>
    </row>
    <row r="25" spans="1:22" ht="24.75" customHeight="1" thickBot="1">
      <c r="A25" s="39" t="s">
        <v>35</v>
      </c>
      <c r="B25" s="40">
        <f>SUM(B9:B24)</f>
        <v>392</v>
      </c>
      <c r="C25" s="41"/>
      <c r="D25" s="46">
        <f>SUM(D9:D24)</f>
        <v>384</v>
      </c>
      <c r="E25" s="40">
        <f>SUM(E9:E24)</f>
        <v>8</v>
      </c>
      <c r="F25" s="40">
        <f t="shared" ref="F25:M25" si="2">SUM(F9:F24)</f>
        <v>62</v>
      </c>
      <c r="G25" s="64">
        <f>SUM(G9:G24)</f>
        <v>18</v>
      </c>
      <c r="H25" s="40">
        <f>SUM(H9:H24)</f>
        <v>15</v>
      </c>
      <c r="I25" s="40">
        <f t="shared" si="2"/>
        <v>59</v>
      </c>
      <c r="J25" s="40">
        <f>SUM(J9:J24)</f>
        <v>32</v>
      </c>
      <c r="K25" s="40">
        <f>SUM(K9:K24)</f>
        <v>1</v>
      </c>
      <c r="L25" s="40">
        <f>SUM(L9:L24)</f>
        <v>5</v>
      </c>
      <c r="M25" s="40">
        <f t="shared" si="2"/>
        <v>9</v>
      </c>
      <c r="N25" s="40">
        <f>SUM(N9:N24)</f>
        <v>183</v>
      </c>
      <c r="O25" s="42"/>
      <c r="P25" s="13"/>
      <c r="Q25" s="19"/>
    </row>
    <row r="26" spans="1:22" ht="24.75" customHeight="1" thickBot="1">
      <c r="A26" s="39" t="s">
        <v>19</v>
      </c>
      <c r="B26" s="40">
        <f>B25+B8</f>
        <v>584</v>
      </c>
      <c r="C26" s="41"/>
      <c r="D26" s="46">
        <f t="shared" ref="D26:I26" si="3">D8+D25</f>
        <v>575</v>
      </c>
      <c r="E26" s="46">
        <f t="shared" si="3"/>
        <v>9</v>
      </c>
      <c r="F26" s="40">
        <f t="shared" si="3"/>
        <v>125</v>
      </c>
      <c r="G26" s="65">
        <f>G8+G25</f>
        <v>53</v>
      </c>
      <c r="H26" s="46">
        <f>H8+H25</f>
        <v>33</v>
      </c>
      <c r="I26" s="46">
        <f t="shared" si="3"/>
        <v>93</v>
      </c>
      <c r="J26" s="46">
        <f>J8+J25</f>
        <v>47</v>
      </c>
      <c r="K26" s="46">
        <f t="shared" ref="K26" si="4">K8+K25</f>
        <v>5</v>
      </c>
      <c r="L26" s="46">
        <f t="shared" ref="L26:N26" si="5">L8+L25</f>
        <v>5</v>
      </c>
      <c r="M26" s="46">
        <f t="shared" si="5"/>
        <v>11</v>
      </c>
      <c r="N26" s="46">
        <f t="shared" si="5"/>
        <v>203</v>
      </c>
      <c r="O26" s="42"/>
      <c r="P26" s="13"/>
    </row>
    <row r="27" spans="1:22" ht="24.75" customHeight="1">
      <c r="A27" s="26" t="s">
        <v>20</v>
      </c>
      <c r="B27" s="29">
        <v>14</v>
      </c>
      <c r="C27" s="28">
        <v>40266</v>
      </c>
      <c r="D27" s="29">
        <f t="shared" ref="D27:D44" si="6">SUM(F27:N27)</f>
        <v>14</v>
      </c>
      <c r="E27" s="47"/>
      <c r="F27" s="29"/>
      <c r="G27" s="29"/>
      <c r="H27" s="29">
        <v>1</v>
      </c>
      <c r="I27" s="29">
        <v>1</v>
      </c>
      <c r="J27" s="29">
        <v>2</v>
      </c>
      <c r="K27" s="29"/>
      <c r="L27" s="29"/>
      <c r="M27" s="29"/>
      <c r="N27" s="29">
        <v>10</v>
      </c>
      <c r="O27" s="35">
        <v>46507</v>
      </c>
      <c r="P27" s="13"/>
      <c r="R27" s="5"/>
    </row>
    <row r="28" spans="1:22" ht="24" customHeight="1">
      <c r="A28" s="36" t="s">
        <v>21</v>
      </c>
      <c r="B28" s="34">
        <v>18</v>
      </c>
      <c r="C28" s="37">
        <v>39601</v>
      </c>
      <c r="D28" s="29">
        <f t="shared" si="6"/>
        <v>17</v>
      </c>
      <c r="E28" s="34">
        <v>1</v>
      </c>
      <c r="F28" s="43">
        <v>1</v>
      </c>
      <c r="G28" s="43">
        <v>2</v>
      </c>
      <c r="H28" s="34"/>
      <c r="I28" s="34">
        <v>3</v>
      </c>
      <c r="J28" s="34">
        <v>2</v>
      </c>
      <c r="K28" s="34"/>
      <c r="L28" s="34"/>
      <c r="M28" s="34">
        <v>1</v>
      </c>
      <c r="N28" s="34">
        <v>8</v>
      </c>
      <c r="O28" s="35">
        <v>45712</v>
      </c>
      <c r="P28" s="13"/>
    </row>
    <row r="29" spans="1:22" ht="24" customHeight="1">
      <c r="A29" s="36" t="s">
        <v>22</v>
      </c>
      <c r="B29" s="34">
        <v>14</v>
      </c>
      <c r="C29" s="37">
        <v>38883</v>
      </c>
      <c r="D29" s="29">
        <f t="shared" si="6"/>
        <v>14</v>
      </c>
      <c r="E29" s="29"/>
      <c r="F29" s="34">
        <v>2</v>
      </c>
      <c r="G29" s="34"/>
      <c r="H29" s="34">
        <v>1</v>
      </c>
      <c r="I29" s="34">
        <v>2</v>
      </c>
      <c r="J29" s="34">
        <v>1</v>
      </c>
      <c r="K29" s="34"/>
      <c r="L29" s="34"/>
      <c r="M29" s="34"/>
      <c r="N29" s="34">
        <v>8</v>
      </c>
      <c r="O29" s="35">
        <v>46583</v>
      </c>
      <c r="P29" s="13"/>
    </row>
    <row r="30" spans="1:22" ht="24" customHeight="1">
      <c r="A30" s="36" t="s">
        <v>23</v>
      </c>
      <c r="B30" s="34">
        <v>14</v>
      </c>
      <c r="C30" s="37">
        <v>38972</v>
      </c>
      <c r="D30" s="29">
        <f t="shared" si="6"/>
        <v>14</v>
      </c>
      <c r="E30" s="34"/>
      <c r="F30" s="34"/>
      <c r="G30" s="34"/>
      <c r="H30" s="34" t="s">
        <v>57</v>
      </c>
      <c r="I30" s="34">
        <v>1</v>
      </c>
      <c r="J30" s="34">
        <v>1</v>
      </c>
      <c r="K30" s="34"/>
      <c r="L30" s="34"/>
      <c r="M30" s="34"/>
      <c r="N30" s="34">
        <v>12</v>
      </c>
      <c r="O30" s="35">
        <v>46355</v>
      </c>
      <c r="P30" s="13"/>
    </row>
    <row r="31" spans="1:22" ht="24" customHeight="1">
      <c r="A31" s="36" t="s">
        <v>24</v>
      </c>
      <c r="B31" s="34">
        <v>12</v>
      </c>
      <c r="C31" s="37">
        <v>41358</v>
      </c>
      <c r="D31" s="29">
        <f t="shared" si="6"/>
        <v>12</v>
      </c>
      <c r="E31" s="34"/>
      <c r="F31" s="34"/>
      <c r="G31" s="34"/>
      <c r="H31" s="34" t="s">
        <v>57</v>
      </c>
      <c r="I31" s="34"/>
      <c r="J31" s="34">
        <v>1</v>
      </c>
      <c r="K31" s="34"/>
      <c r="L31" s="34"/>
      <c r="M31" s="34"/>
      <c r="N31" s="34">
        <v>11</v>
      </c>
      <c r="O31" s="35">
        <v>46506</v>
      </c>
      <c r="P31" s="13"/>
    </row>
    <row r="32" spans="1:22" ht="24" customHeight="1">
      <c r="A32" s="36" t="s">
        <v>25</v>
      </c>
      <c r="B32" s="62">
        <v>14</v>
      </c>
      <c r="C32" s="37">
        <v>45183</v>
      </c>
      <c r="D32" s="29">
        <f t="shared" si="6"/>
        <v>13</v>
      </c>
      <c r="E32" s="34">
        <v>1</v>
      </c>
      <c r="F32" s="34"/>
      <c r="G32" s="34"/>
      <c r="H32" s="34" t="s">
        <v>57</v>
      </c>
      <c r="I32" s="34">
        <v>1</v>
      </c>
      <c r="J32" s="34">
        <v>1</v>
      </c>
      <c r="K32" s="34"/>
      <c r="L32" s="34"/>
      <c r="M32" s="34"/>
      <c r="N32" s="34">
        <v>11</v>
      </c>
      <c r="O32" s="35">
        <v>45565</v>
      </c>
      <c r="P32" s="13"/>
    </row>
    <row r="33" spans="1:36" ht="24" customHeight="1">
      <c r="A33" s="36" t="s">
        <v>26</v>
      </c>
      <c r="B33" s="34">
        <v>12</v>
      </c>
      <c r="C33" s="37">
        <v>40536</v>
      </c>
      <c r="D33" s="29">
        <f t="shared" si="6"/>
        <v>12</v>
      </c>
      <c r="E33" s="34"/>
      <c r="F33" s="34"/>
      <c r="G33" s="34"/>
      <c r="H33" s="34" t="s">
        <v>57</v>
      </c>
      <c r="I33" s="34">
        <v>1</v>
      </c>
      <c r="J33" s="34">
        <v>1</v>
      </c>
      <c r="K33" s="34"/>
      <c r="L33" s="34"/>
      <c r="M33" s="34"/>
      <c r="N33" s="34">
        <v>10</v>
      </c>
      <c r="O33" s="35">
        <v>46660</v>
      </c>
      <c r="P33" s="13"/>
    </row>
    <row r="34" spans="1:36" ht="24" customHeight="1">
      <c r="A34" s="36" t="s">
        <v>27</v>
      </c>
      <c r="B34" s="34">
        <v>12</v>
      </c>
      <c r="C34" s="37">
        <v>44636</v>
      </c>
      <c r="D34" s="29">
        <f t="shared" si="6"/>
        <v>12</v>
      </c>
      <c r="E34" s="34">
        <v>0</v>
      </c>
      <c r="F34" s="34"/>
      <c r="G34" s="34"/>
      <c r="H34" s="34" t="s">
        <v>57</v>
      </c>
      <c r="I34" s="34">
        <v>1</v>
      </c>
      <c r="J34" s="34"/>
      <c r="K34" s="34"/>
      <c r="L34" s="34"/>
      <c r="M34" s="34"/>
      <c r="N34" s="34">
        <v>11</v>
      </c>
      <c r="O34" s="35">
        <v>46507</v>
      </c>
      <c r="P34" s="13"/>
    </row>
    <row r="35" spans="1:36" ht="24" customHeight="1">
      <c r="A35" s="36" t="s">
        <v>28</v>
      </c>
      <c r="B35" s="34">
        <v>12</v>
      </c>
      <c r="C35" s="37">
        <v>40437</v>
      </c>
      <c r="D35" s="29">
        <f t="shared" si="6"/>
        <v>12</v>
      </c>
      <c r="E35" s="34"/>
      <c r="F35" s="34"/>
      <c r="G35" s="34"/>
      <c r="H35" s="34" t="s">
        <v>57</v>
      </c>
      <c r="I35" s="34">
        <v>1</v>
      </c>
      <c r="J35" s="34"/>
      <c r="K35" s="34"/>
      <c r="L35" s="34"/>
      <c r="M35" s="34"/>
      <c r="N35" s="34">
        <v>11</v>
      </c>
      <c r="O35" s="35">
        <v>46507</v>
      </c>
      <c r="P35" s="13"/>
    </row>
    <row r="36" spans="1:36" ht="24" customHeight="1">
      <c r="A36" s="36" t="s">
        <v>29</v>
      </c>
      <c r="B36" s="63">
        <v>14</v>
      </c>
      <c r="C36" s="37">
        <v>45190</v>
      </c>
      <c r="D36" s="29">
        <f t="shared" si="6"/>
        <v>13</v>
      </c>
      <c r="E36" s="34">
        <v>1</v>
      </c>
      <c r="F36" s="34"/>
      <c r="G36" s="34"/>
      <c r="H36" s="34" t="s">
        <v>57</v>
      </c>
      <c r="I36" s="34">
        <v>1</v>
      </c>
      <c r="J36" s="34">
        <v>2</v>
      </c>
      <c r="K36" s="34"/>
      <c r="L36" s="34"/>
      <c r="M36" s="34"/>
      <c r="N36" s="34">
        <v>10</v>
      </c>
      <c r="O36" s="35">
        <v>45929</v>
      </c>
      <c r="P36" s="13"/>
    </row>
    <row r="37" spans="1:36" ht="24" customHeight="1">
      <c r="A37" s="36" t="s">
        <v>30</v>
      </c>
      <c r="B37" s="34">
        <v>10</v>
      </c>
      <c r="C37" s="37">
        <v>44264</v>
      </c>
      <c r="D37" s="29">
        <f t="shared" si="6"/>
        <v>10</v>
      </c>
      <c r="E37" s="34"/>
      <c r="F37" s="34"/>
      <c r="G37" s="34"/>
      <c r="H37" s="34" t="s">
        <v>57</v>
      </c>
      <c r="I37" s="34">
        <v>1</v>
      </c>
      <c r="J37" s="34">
        <v>1</v>
      </c>
      <c r="K37" s="34"/>
      <c r="L37" s="34"/>
      <c r="M37" s="34">
        <v>1</v>
      </c>
      <c r="N37" s="34">
        <v>7</v>
      </c>
      <c r="O37" s="35">
        <v>45929</v>
      </c>
      <c r="P37" s="13"/>
    </row>
    <row r="38" spans="1:36" ht="24" customHeight="1">
      <c r="A38" s="36" t="s">
        <v>31</v>
      </c>
      <c r="B38" s="34">
        <v>14</v>
      </c>
      <c r="C38" s="37">
        <v>40606</v>
      </c>
      <c r="D38" s="29">
        <f t="shared" si="6"/>
        <v>14</v>
      </c>
      <c r="E38" s="34"/>
      <c r="F38" s="34"/>
      <c r="G38" s="34"/>
      <c r="H38" s="34" t="s">
        <v>57</v>
      </c>
      <c r="I38" s="34">
        <v>1</v>
      </c>
      <c r="J38" s="34">
        <v>1</v>
      </c>
      <c r="K38" s="34"/>
      <c r="L38" s="34"/>
      <c r="M38" s="34"/>
      <c r="N38" s="34">
        <v>12</v>
      </c>
      <c r="O38" s="35">
        <v>46843</v>
      </c>
      <c r="P38" s="13"/>
    </row>
    <row r="39" spans="1:36" ht="24" customHeight="1">
      <c r="A39" s="36" t="s">
        <v>54</v>
      </c>
      <c r="B39" s="34">
        <v>14</v>
      </c>
      <c r="C39" s="37">
        <v>45013</v>
      </c>
      <c r="D39" s="29">
        <f t="shared" si="6"/>
        <v>14</v>
      </c>
      <c r="E39" s="34">
        <v>0</v>
      </c>
      <c r="F39" s="34">
        <v>1</v>
      </c>
      <c r="G39" s="34"/>
      <c r="H39" s="34" t="s">
        <v>57</v>
      </c>
      <c r="I39" s="34">
        <v>3</v>
      </c>
      <c r="J39" s="34">
        <v>3</v>
      </c>
      <c r="K39" s="34"/>
      <c r="L39" s="34"/>
      <c r="M39" s="34"/>
      <c r="N39" s="34">
        <v>7</v>
      </c>
      <c r="O39" s="35">
        <v>46674</v>
      </c>
      <c r="P39" s="13"/>
    </row>
    <row r="40" spans="1:36" ht="24" customHeight="1" thickBot="1">
      <c r="A40" s="31" t="s">
        <v>32</v>
      </c>
      <c r="B40" s="32">
        <v>8</v>
      </c>
      <c r="C40" s="33">
        <v>44260</v>
      </c>
      <c r="D40" s="29">
        <f t="shared" si="6"/>
        <v>8</v>
      </c>
      <c r="E40" s="32"/>
      <c r="F40" s="32"/>
      <c r="G40" s="32"/>
      <c r="H40" s="32" t="s">
        <v>57</v>
      </c>
      <c r="I40" s="32"/>
      <c r="J40" s="32">
        <v>1</v>
      </c>
      <c r="K40" s="32"/>
      <c r="L40" s="32"/>
      <c r="M40" s="32"/>
      <c r="N40" s="32">
        <v>7</v>
      </c>
      <c r="O40" s="48">
        <v>45777</v>
      </c>
      <c r="P40" s="13"/>
    </row>
    <row r="41" spans="1:36" ht="24" customHeight="1" thickBot="1">
      <c r="A41" s="39" t="s">
        <v>33</v>
      </c>
      <c r="B41" s="40">
        <f>SUM(B27:B40)</f>
        <v>182</v>
      </c>
      <c r="C41" s="41"/>
      <c r="D41" s="46">
        <f t="shared" si="6"/>
        <v>179</v>
      </c>
      <c r="E41" s="46">
        <f>SUM(E27:E40)</f>
        <v>3</v>
      </c>
      <c r="F41" s="46">
        <f t="shared" ref="F41:N41" si="7">SUM(F27:F40)</f>
        <v>4</v>
      </c>
      <c r="G41" s="46">
        <f>SUM(G27:G40)</f>
        <v>2</v>
      </c>
      <c r="H41" s="46">
        <f>SUM(H27:H40)</f>
        <v>2</v>
      </c>
      <c r="I41" s="46">
        <f t="shared" si="7"/>
        <v>17</v>
      </c>
      <c r="J41" s="46">
        <f>SUM(J27:J40)</f>
        <v>17</v>
      </c>
      <c r="K41" s="46">
        <f>SUM(K27:K40)</f>
        <v>0</v>
      </c>
      <c r="L41" s="46">
        <f>SUM(L27:L40)</f>
        <v>0</v>
      </c>
      <c r="M41" s="46">
        <f t="shared" si="7"/>
        <v>2</v>
      </c>
      <c r="N41" s="46">
        <f t="shared" si="7"/>
        <v>135</v>
      </c>
      <c r="O41" s="42"/>
      <c r="P41" s="13"/>
    </row>
    <row r="42" spans="1:36" ht="24" customHeight="1" thickBot="1">
      <c r="A42" s="39" t="s">
        <v>36</v>
      </c>
      <c r="B42" s="40">
        <f>SUM(B25,B41)</f>
        <v>574</v>
      </c>
      <c r="C42" s="49"/>
      <c r="D42" s="46">
        <f t="shared" si="6"/>
        <v>563</v>
      </c>
      <c r="E42" s="46">
        <f>E25+E41</f>
        <v>11</v>
      </c>
      <c r="F42" s="46">
        <f t="shared" ref="F42:N42" si="8">F25+F41</f>
        <v>66</v>
      </c>
      <c r="G42" s="46">
        <f>G25+G41</f>
        <v>20</v>
      </c>
      <c r="H42" s="46">
        <f>H25+H41</f>
        <v>17</v>
      </c>
      <c r="I42" s="46">
        <f t="shared" si="8"/>
        <v>76</v>
      </c>
      <c r="J42" s="46">
        <f>J25+J41</f>
        <v>49</v>
      </c>
      <c r="K42" s="46">
        <f>K25+K41</f>
        <v>1</v>
      </c>
      <c r="L42" s="46">
        <f t="shared" si="8"/>
        <v>5</v>
      </c>
      <c r="M42" s="46">
        <f t="shared" si="8"/>
        <v>11</v>
      </c>
      <c r="N42" s="46">
        <f t="shared" si="8"/>
        <v>318</v>
      </c>
      <c r="O42" s="42"/>
      <c r="P42" s="13"/>
    </row>
    <row r="43" spans="1:36" ht="24" customHeight="1" thickBot="1">
      <c r="A43" s="39" t="s">
        <v>53</v>
      </c>
      <c r="B43" s="40">
        <f>B41+B26</f>
        <v>766</v>
      </c>
      <c r="C43" s="49"/>
      <c r="D43" s="46">
        <f t="shared" si="6"/>
        <v>754</v>
      </c>
      <c r="E43" s="46">
        <f>E41+E26</f>
        <v>12</v>
      </c>
      <c r="F43" s="46">
        <f t="shared" ref="F43:N43" si="9">F41+F26</f>
        <v>129</v>
      </c>
      <c r="G43" s="46">
        <f>G41+G26</f>
        <v>55</v>
      </c>
      <c r="H43" s="46">
        <f>H41+H26</f>
        <v>35</v>
      </c>
      <c r="I43" s="46">
        <f t="shared" si="9"/>
        <v>110</v>
      </c>
      <c r="J43" s="46">
        <f>J41+J26</f>
        <v>64</v>
      </c>
      <c r="K43" s="46">
        <f>K41+K26</f>
        <v>5</v>
      </c>
      <c r="L43" s="46">
        <f>L41+L26</f>
        <v>5</v>
      </c>
      <c r="M43" s="46">
        <f t="shared" si="9"/>
        <v>13</v>
      </c>
      <c r="N43" s="46">
        <f t="shared" si="9"/>
        <v>338</v>
      </c>
      <c r="O43" s="42"/>
      <c r="P43" s="13"/>
    </row>
    <row r="44" spans="1:36" ht="24" customHeight="1" thickBot="1">
      <c r="A44" s="50" t="s">
        <v>37</v>
      </c>
      <c r="B44" s="51">
        <v>105</v>
      </c>
      <c r="C44" s="52">
        <v>44712</v>
      </c>
      <c r="D44" s="51">
        <f t="shared" si="6"/>
        <v>103</v>
      </c>
      <c r="E44" s="46">
        <v>2</v>
      </c>
      <c r="F44" s="51">
        <v>45</v>
      </c>
      <c r="G44" s="53">
        <v>26</v>
      </c>
      <c r="H44" s="40">
        <v>6</v>
      </c>
      <c r="I44" s="51">
        <v>8</v>
      </c>
      <c r="J44" s="51">
        <v>3</v>
      </c>
      <c r="K44" s="51"/>
      <c r="L44" s="40"/>
      <c r="M44" s="40">
        <v>1</v>
      </c>
      <c r="N44" s="54">
        <v>14</v>
      </c>
      <c r="O44" s="55">
        <v>46506</v>
      </c>
      <c r="P44" s="13"/>
    </row>
    <row r="45" spans="1:36" ht="24" customHeight="1">
      <c r="A45" s="20" t="s">
        <v>65</v>
      </c>
      <c r="B45" s="56"/>
      <c r="C45" s="56"/>
      <c r="D45" s="56"/>
      <c r="E45" s="56"/>
      <c r="F45" s="56"/>
      <c r="G45" s="56"/>
      <c r="H45" s="56"/>
      <c r="I45" s="56"/>
      <c r="J45" s="56"/>
      <c r="K45" s="56"/>
      <c r="L45" s="56"/>
      <c r="M45" s="56"/>
      <c r="N45" s="56"/>
      <c r="O45" s="56"/>
      <c r="P45" s="13"/>
    </row>
    <row r="46" spans="1:36" ht="24" customHeight="1">
      <c r="A46" s="20" t="s">
        <v>49</v>
      </c>
      <c r="B46" s="56"/>
      <c r="C46" s="56"/>
      <c r="D46" s="56"/>
      <c r="E46" s="56"/>
      <c r="F46" s="56"/>
      <c r="G46" s="56"/>
      <c r="H46" s="56"/>
      <c r="I46" s="56"/>
      <c r="J46" s="56"/>
      <c r="K46" s="56"/>
      <c r="L46" s="56"/>
      <c r="M46" s="56"/>
      <c r="N46" s="56"/>
      <c r="O46" s="56"/>
      <c r="P46" s="13"/>
    </row>
    <row r="47" spans="1:36" ht="24" customHeight="1">
      <c r="A47" s="60" t="s">
        <v>62</v>
      </c>
      <c r="B47" s="56"/>
      <c r="C47" s="56"/>
      <c r="D47" s="56"/>
      <c r="E47" s="56"/>
      <c r="F47" s="56"/>
      <c r="G47" s="56"/>
      <c r="H47" s="56"/>
      <c r="I47" s="56"/>
      <c r="J47" s="56"/>
      <c r="K47" s="56"/>
      <c r="L47" s="56"/>
      <c r="M47" s="56"/>
      <c r="N47" s="56"/>
      <c r="O47" s="56"/>
      <c r="P47" s="13"/>
      <c r="R47" s="21" t="s">
        <v>61</v>
      </c>
      <c r="S47" s="21"/>
      <c r="T47" s="21"/>
      <c r="U47" s="21"/>
      <c r="V47" s="21"/>
    </row>
    <row r="48" spans="1:36" s="7" customFormat="1" ht="24" customHeight="1">
      <c r="B48" s="57"/>
      <c r="C48" s="58"/>
      <c r="D48" s="57"/>
      <c r="E48" s="57"/>
      <c r="F48" s="57"/>
      <c r="G48" s="57"/>
      <c r="H48" s="57"/>
      <c r="I48" s="57"/>
      <c r="J48" s="57"/>
      <c r="K48" s="57"/>
      <c r="L48" s="57"/>
      <c r="M48" s="57"/>
      <c r="N48" s="57"/>
      <c r="O48" s="59"/>
      <c r="P48" s="11"/>
      <c r="Q48" s="12"/>
      <c r="R48" s="12"/>
      <c r="S48" s="6"/>
      <c r="T48" s="6"/>
      <c r="U48" s="6"/>
      <c r="V48" s="6"/>
      <c r="W48" s="6"/>
      <c r="X48" s="6"/>
      <c r="Y48" s="6"/>
      <c r="Z48" s="6"/>
      <c r="AA48" s="6"/>
      <c r="AB48" s="6"/>
      <c r="AC48" s="6"/>
      <c r="AD48" s="6"/>
      <c r="AE48" s="6"/>
      <c r="AF48" s="6"/>
      <c r="AG48" s="6"/>
      <c r="AH48" s="6"/>
      <c r="AI48" s="6"/>
      <c r="AJ48" s="6"/>
    </row>
    <row r="49" spans="1:36" s="7" customFormat="1" ht="24" customHeight="1">
      <c r="B49" s="15"/>
      <c r="C49" s="16"/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1"/>
      <c r="P49" s="11"/>
      <c r="Q49" s="12"/>
      <c r="R49" s="12"/>
      <c r="S49" s="6"/>
      <c r="T49" s="6"/>
      <c r="U49" s="6"/>
      <c r="V49" s="6"/>
      <c r="W49" s="6"/>
      <c r="X49" s="6"/>
      <c r="Y49" s="6"/>
      <c r="Z49" s="6"/>
      <c r="AA49" s="6"/>
      <c r="AB49" s="6"/>
      <c r="AC49" s="6"/>
      <c r="AD49" s="6"/>
      <c r="AE49" s="6"/>
      <c r="AF49" s="6"/>
      <c r="AG49" s="6"/>
      <c r="AH49" s="6"/>
      <c r="AI49" s="6"/>
      <c r="AJ49" s="6"/>
    </row>
    <row r="50" spans="1:36" s="7" customFormat="1" ht="24" customHeight="1">
      <c r="A50" s="15"/>
      <c r="B50" s="15"/>
      <c r="C50" s="16"/>
      <c r="D50" s="15"/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1"/>
      <c r="P50" s="11"/>
      <c r="Q50" s="12"/>
      <c r="R50" s="12"/>
      <c r="S50" s="6"/>
      <c r="T50" s="6"/>
      <c r="U50" s="6"/>
      <c r="V50" s="6"/>
      <c r="W50" s="6"/>
      <c r="X50" s="6"/>
      <c r="Y50" s="6"/>
      <c r="Z50" s="6"/>
      <c r="AA50" s="6"/>
      <c r="AB50" s="6"/>
      <c r="AC50" s="6"/>
      <c r="AD50" s="6"/>
      <c r="AE50" s="6"/>
      <c r="AF50" s="6"/>
      <c r="AG50" s="6"/>
      <c r="AH50" s="6"/>
      <c r="AI50" s="6"/>
      <c r="AJ50" s="6"/>
    </row>
    <row r="51" spans="1:36" s="7" customFormat="1" ht="20.25" customHeight="1">
      <c r="C51" s="8"/>
      <c r="O51" s="12"/>
      <c r="P51" s="12"/>
      <c r="Q51" s="12"/>
      <c r="R51" s="12"/>
      <c r="S51" s="6"/>
      <c r="T51" s="6"/>
      <c r="U51" s="6"/>
      <c r="V51" s="6"/>
      <c r="W51" s="6"/>
      <c r="X51" s="6"/>
      <c r="Y51" s="6"/>
      <c r="Z51" s="6"/>
      <c r="AA51" s="6"/>
      <c r="AB51" s="6"/>
      <c r="AC51" s="6"/>
      <c r="AD51" s="6"/>
      <c r="AE51" s="6"/>
      <c r="AF51" s="6"/>
      <c r="AG51" s="6"/>
      <c r="AH51" s="6"/>
      <c r="AI51" s="6"/>
      <c r="AJ51" s="6"/>
    </row>
    <row r="52" spans="1:36" s="7" customFormat="1" ht="20.25" customHeight="1">
      <c r="C52" s="8"/>
      <c r="O52" s="12"/>
      <c r="P52" s="12"/>
      <c r="Q52" s="12"/>
      <c r="R52" s="12"/>
      <c r="S52" s="6"/>
      <c r="T52" s="6"/>
      <c r="U52" s="6"/>
      <c r="V52" s="6"/>
      <c r="W52" s="6"/>
      <c r="X52" s="6"/>
      <c r="Y52" s="6"/>
      <c r="Z52" s="6"/>
      <c r="AA52" s="6"/>
      <c r="AB52" s="6"/>
      <c r="AC52" s="6"/>
      <c r="AD52" s="6"/>
      <c r="AE52" s="6"/>
      <c r="AF52" s="6"/>
      <c r="AG52" s="6"/>
      <c r="AH52" s="6"/>
      <c r="AI52" s="6"/>
      <c r="AJ52" s="6"/>
    </row>
    <row r="53" spans="1:36" s="7" customFormat="1" ht="20.25" customHeight="1">
      <c r="C53" s="8"/>
      <c r="O53" s="12"/>
      <c r="P53" s="12"/>
      <c r="Q53" s="12"/>
      <c r="R53" s="12"/>
      <c r="S53" s="6"/>
      <c r="T53" s="6"/>
      <c r="U53" s="6"/>
      <c r="V53" s="6"/>
      <c r="W53" s="6"/>
      <c r="X53" s="6"/>
      <c r="Y53" s="6"/>
      <c r="Z53" s="6"/>
      <c r="AA53" s="6"/>
      <c r="AB53" s="6"/>
      <c r="AC53" s="6"/>
      <c r="AD53" s="6"/>
      <c r="AE53" s="6"/>
      <c r="AF53" s="6"/>
      <c r="AG53" s="6"/>
      <c r="AH53" s="6"/>
      <c r="AI53" s="6"/>
      <c r="AJ53" s="6"/>
    </row>
    <row r="54" spans="1:36" s="7" customFormat="1" ht="20.25" customHeight="1">
      <c r="C54" s="8"/>
      <c r="O54" s="12"/>
      <c r="P54" s="12"/>
      <c r="Q54" s="12"/>
      <c r="R54" s="12"/>
      <c r="S54" s="6"/>
      <c r="T54" s="6"/>
      <c r="U54" s="6"/>
      <c r="V54" s="6"/>
      <c r="W54" s="6"/>
      <c r="X54" s="6"/>
      <c r="Y54" s="6"/>
      <c r="Z54" s="6"/>
      <c r="AA54" s="6"/>
      <c r="AB54" s="6"/>
      <c r="AC54" s="6"/>
      <c r="AD54" s="6"/>
      <c r="AE54" s="6"/>
      <c r="AF54" s="6"/>
      <c r="AG54" s="6"/>
      <c r="AH54" s="6"/>
      <c r="AI54" s="6"/>
      <c r="AJ54" s="6"/>
    </row>
    <row r="55" spans="1:36" s="7" customFormat="1" ht="20.25" customHeight="1">
      <c r="C55" s="8"/>
      <c r="O55" s="12"/>
      <c r="P55" s="12"/>
      <c r="Q55" s="12"/>
      <c r="R55" s="12"/>
      <c r="S55" s="6"/>
      <c r="T55" s="6"/>
      <c r="U55" s="6"/>
      <c r="V55" s="6"/>
      <c r="W55" s="6"/>
      <c r="X55" s="6"/>
      <c r="Y55" s="6"/>
      <c r="Z55" s="6"/>
      <c r="AA55" s="6"/>
      <c r="AB55" s="6"/>
      <c r="AC55" s="6"/>
      <c r="AD55" s="6"/>
      <c r="AE55" s="6"/>
      <c r="AF55" s="6"/>
      <c r="AG55" s="6"/>
      <c r="AH55" s="6"/>
      <c r="AI55" s="6"/>
      <c r="AJ55" s="6"/>
    </row>
    <row r="56" spans="1:36" ht="18" customHeight="1">
      <c r="A56" s="7"/>
    </row>
    <row r="57" spans="1:36" ht="18" customHeight="1"/>
    <row r="58" spans="1:36" ht="18" customHeight="1"/>
    <row r="59" spans="1:36" ht="18" customHeight="1"/>
    <row r="60" spans="1:36" ht="18" customHeight="1"/>
    <row r="61" spans="1:36" ht="18" customHeight="1"/>
    <row r="62" spans="1:36" ht="18" customHeight="1"/>
    <row r="63" spans="1:36" ht="18" customHeight="1"/>
    <row r="64" spans="1:36" ht="18" customHeight="1"/>
    <row r="65" ht="18" customHeight="1"/>
    <row r="66" ht="18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  <row r="79" ht="18" customHeight="1"/>
    <row r="80" ht="18" customHeight="1"/>
    <row r="81" ht="18" customHeight="1"/>
    <row r="82" ht="18" customHeight="1"/>
    <row r="83" ht="18" customHeight="1"/>
    <row r="84" ht="18" customHeight="1"/>
    <row r="85" ht="18" customHeight="1"/>
    <row r="86" ht="18" customHeight="1"/>
    <row r="87" ht="18" customHeight="1"/>
    <row r="88" ht="18" customHeight="1"/>
    <row r="89" ht="18" customHeight="1"/>
    <row r="90" ht="18" customHeight="1"/>
    <row r="91" ht="18" customHeight="1"/>
    <row r="92" ht="18" customHeight="1"/>
    <row r="93" ht="18" customHeight="1"/>
    <row r="94" ht="18" customHeight="1"/>
  </sheetData>
  <mergeCells count="16">
    <mergeCell ref="G3:G4"/>
    <mergeCell ref="H3:H4"/>
    <mergeCell ref="I3:I4"/>
    <mergeCell ref="J3:J4"/>
    <mergeCell ref="N3:N4"/>
    <mergeCell ref="A3:A4"/>
    <mergeCell ref="B3:C3"/>
    <mergeCell ref="D3:D4"/>
    <mergeCell ref="E3:E4"/>
    <mergeCell ref="F3:F4"/>
    <mergeCell ref="L2:O2"/>
    <mergeCell ref="AF4:AI4"/>
    <mergeCell ref="K3:K4"/>
    <mergeCell ref="L3:L4"/>
    <mergeCell ref="M3:M4"/>
    <mergeCell ref="O3:O4"/>
  </mergeCells>
  <phoneticPr fontId="2"/>
  <printOptions horizontalCentered="1"/>
  <pageMargins left="0.78740157480314965" right="0.39370078740157483" top="0.98425196850393704" bottom="0.39370078740157483" header="0.51181102362204722" footer="0.19685039370078741"/>
  <pageSetup paperSize="9" scale="44" firstPageNumber="52" orientation="landscape" useFirstPageNumber="1" r:id="rId1"/>
  <headerFooter alignWithMargins="0">
    <oddFooter>&amp;C&amp;"ＭＳ 明朝,標準"&amp;14― &amp;P ―</oddFooter>
  </headerFooter>
  <rowBreaks count="1" manualBreakCount="1">
    <brk id="53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5 県市町村議会党派別議員数及び任期満了_R6.5.17</vt:lpstr>
      <vt:lpstr>'15 県市町村議会党派別議員数及び任期満了_R6.5.17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塚 由真</dc:creator>
  <cp:lastModifiedBy>user</cp:lastModifiedBy>
  <cp:lastPrinted>2024-08-13T04:51:21Z</cp:lastPrinted>
  <dcterms:created xsi:type="dcterms:W3CDTF">2004-04-12T05:53:56Z</dcterms:created>
  <dcterms:modified xsi:type="dcterms:W3CDTF">2024-08-13T04:56:28Z</dcterms:modified>
</cp:coreProperties>
</file>